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X:\ユーザ作業用フォルダ\Ｇ 用度・計理\a 予算・決算\a 予算\R03予算関係\01_当初予算編成\j_予算公表\20201209_令和3年度予算編成にかかる予算事業一覧(12月9日要求段階)の公表について\99公表用データ\"/>
    </mc:Choice>
  </mc:AlternateContent>
  <bookViews>
    <workbookView xWindow="10230" yWindow="-15" windowWidth="10275" windowHeight="7830" tabRatio="854"/>
  </bookViews>
  <sheets>
    <sheet name="様式4" sheetId="95" r:id="rId1"/>
  </sheets>
  <externalReferences>
    <externalReference r:id="rId2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4!$A$1:$G$91</definedName>
    <definedName name="_xlnm.Print_Titles" localSheetId="0">様式4!$5:$7</definedName>
    <definedName name="分類">'[1]様式17(見直し一覧)'!$A$38:$A$47</definedName>
  </definedNames>
  <calcPr calcId="162913"/>
</workbook>
</file>

<file path=xl/calcChain.xml><?xml version="1.0" encoding="utf-8"?>
<calcChain xmlns="http://schemas.openxmlformats.org/spreadsheetml/2006/main">
  <c r="E67" i="95" l="1"/>
  <c r="E66" i="95"/>
  <c r="E89" i="95" l="1"/>
  <c r="E88" i="95"/>
  <c r="E51" i="95" l="1"/>
  <c r="E50" i="95"/>
  <c r="E35" i="95"/>
  <c r="E34" i="95"/>
  <c r="E19" i="95"/>
  <c r="E18" i="95"/>
  <c r="E39" i="95" l="1"/>
  <c r="E38" i="95"/>
  <c r="E49" i="95"/>
  <c r="E48" i="95"/>
  <c r="E87" i="95" l="1"/>
  <c r="E86" i="95"/>
  <c r="E85" i="95"/>
  <c r="E84" i="95"/>
  <c r="E83" i="95"/>
  <c r="E82" i="95"/>
  <c r="E81" i="95"/>
  <c r="E80" i="95"/>
  <c r="E79" i="95"/>
  <c r="E78" i="95"/>
  <c r="E77" i="95"/>
  <c r="E76" i="95"/>
  <c r="E75" i="95"/>
  <c r="E74" i="95"/>
  <c r="E71" i="95"/>
  <c r="E70" i="95"/>
  <c r="E69" i="95"/>
  <c r="E68" i="95"/>
  <c r="E65" i="95"/>
  <c r="E64" i="95"/>
  <c r="E63" i="95"/>
  <c r="E62" i="95"/>
  <c r="E61" i="95"/>
  <c r="E60" i="95"/>
  <c r="E59" i="95"/>
  <c r="E58" i="95"/>
  <c r="E57" i="95"/>
  <c r="E56" i="95"/>
  <c r="E73" i="95"/>
  <c r="E72" i="95"/>
  <c r="E55" i="95"/>
  <c r="E54" i="95"/>
  <c r="E53" i="95"/>
  <c r="E52" i="95"/>
  <c r="E47" i="95"/>
  <c r="E46" i="95"/>
  <c r="E45" i="95"/>
  <c r="E44" i="95"/>
  <c r="E43" i="95"/>
  <c r="E42" i="95"/>
  <c r="E41" i="95"/>
  <c r="E40" i="95"/>
  <c r="E37" i="95"/>
  <c r="E36" i="95"/>
  <c r="E33" i="95"/>
  <c r="E32" i="95"/>
  <c r="E31" i="95"/>
  <c r="E30" i="95"/>
  <c r="E29" i="95"/>
  <c r="E28" i="95"/>
  <c r="E27" i="95"/>
  <c r="E26" i="95"/>
  <c r="E25" i="95"/>
  <c r="E24" i="95"/>
  <c r="E23" i="95"/>
  <c r="E22" i="95"/>
  <c r="E21" i="95"/>
  <c r="E20" i="95"/>
  <c r="E17" i="95"/>
  <c r="E16" i="95"/>
  <c r="E15" i="95"/>
  <c r="E14" i="95"/>
  <c r="E13" i="95"/>
  <c r="E12" i="95"/>
  <c r="E11" i="95"/>
  <c r="E10" i="95"/>
  <c r="E9" i="95"/>
  <c r="E8" i="95"/>
</calcChain>
</file>

<file path=xl/sharedStrings.xml><?xml version="1.0" encoding="utf-8"?>
<sst xmlns="http://schemas.openxmlformats.org/spreadsheetml/2006/main" count="99" uniqueCount="65">
  <si>
    <t>基礎学力向上支援事業</t>
    <rPh sb="0" eb="2">
      <t>キソ</t>
    </rPh>
    <rPh sb="2" eb="4">
      <t>ガクリョク</t>
    </rPh>
    <rPh sb="4" eb="6">
      <t>コウジョウ</t>
    </rPh>
    <rPh sb="6" eb="8">
      <t>シエン</t>
    </rPh>
    <rPh sb="8" eb="10">
      <t>ジギョウ</t>
    </rPh>
    <phoneticPr fontId="5"/>
  </si>
  <si>
    <t>西成区基礎学力アップ事業（西成まなび塾）</t>
    <rPh sb="0" eb="3">
      <t>ニシナリク</t>
    </rPh>
    <rPh sb="3" eb="5">
      <t>キソ</t>
    </rPh>
    <rPh sb="5" eb="7">
      <t>ガクリョク</t>
    </rPh>
    <rPh sb="10" eb="12">
      <t>ジギョウ</t>
    </rPh>
    <rPh sb="13" eb="15">
      <t>ニシナリ</t>
    </rPh>
    <rPh sb="18" eb="19">
      <t>ジュク</t>
    </rPh>
    <phoneticPr fontId="5"/>
  </si>
  <si>
    <t>健康づくり事業</t>
    <rPh sb="0" eb="2">
      <t>ケンコウ</t>
    </rPh>
    <rPh sb="5" eb="7">
      <t>ジギョウ</t>
    </rPh>
    <phoneticPr fontId="5"/>
  </si>
  <si>
    <t>西成情報アーカイブネット企画運営事業</t>
    <rPh sb="12" eb="14">
      <t>キカク</t>
    </rPh>
    <rPh sb="14" eb="16">
      <t>ウンエイ</t>
    </rPh>
    <phoneticPr fontId="5"/>
  </si>
  <si>
    <t>緑化推進事業</t>
    <rPh sb="0" eb="2">
      <t>リョッカ</t>
    </rPh>
    <rPh sb="2" eb="4">
      <t>スイシン</t>
    </rPh>
    <rPh sb="4" eb="6">
      <t>ジギョウ</t>
    </rPh>
    <phoneticPr fontId="5"/>
  </si>
  <si>
    <t>防犯対策事業</t>
    <rPh sb="0" eb="2">
      <t>ボウハン</t>
    </rPh>
    <rPh sb="2" eb="4">
      <t>タイサク</t>
    </rPh>
    <rPh sb="4" eb="6">
      <t>ジギョウ</t>
    </rPh>
    <phoneticPr fontId="5"/>
  </si>
  <si>
    <t>地域コミュニティ支援事業</t>
    <rPh sb="0" eb="2">
      <t>チイキ</t>
    </rPh>
    <rPh sb="8" eb="10">
      <t>シエン</t>
    </rPh>
    <rPh sb="10" eb="12">
      <t>ジギョウ</t>
    </rPh>
    <phoneticPr fontId="5"/>
  </si>
  <si>
    <t>乳幼児発達相談体制強化事業</t>
    <rPh sb="7" eb="9">
      <t>タイセイ</t>
    </rPh>
    <rPh sb="9" eb="11">
      <t>キョウカ</t>
    </rPh>
    <rPh sb="11" eb="13">
      <t>ジギョウ</t>
    </rPh>
    <phoneticPr fontId="5"/>
  </si>
  <si>
    <t>あいりん地域を中心とした結核対策事業</t>
    <rPh sb="7" eb="9">
      <t>チュウシン</t>
    </rPh>
    <rPh sb="12" eb="14">
      <t>ケッカク</t>
    </rPh>
    <rPh sb="14" eb="16">
      <t>タイサク</t>
    </rPh>
    <rPh sb="16" eb="18">
      <t>ジギョウ</t>
    </rPh>
    <phoneticPr fontId="5"/>
  </si>
  <si>
    <t>コミュニティ育成事業</t>
    <rPh sb="6" eb="8">
      <t>イクセイ</t>
    </rPh>
    <rPh sb="8" eb="10">
      <t>ジギョウ</t>
    </rPh>
    <phoneticPr fontId="5"/>
  </si>
  <si>
    <t>西成特区構想エリアマネジメント協議会運営事業</t>
    <rPh sb="15" eb="18">
      <t>キョウギカイ</t>
    </rPh>
    <rPh sb="18" eb="20">
      <t>ウンエイ</t>
    </rPh>
    <rPh sb="20" eb="22">
      <t>ジギョウ</t>
    </rPh>
    <phoneticPr fontId="5"/>
  </si>
  <si>
    <t>区庁舎設備維持管理経費</t>
    <rPh sb="0" eb="1">
      <t>ク</t>
    </rPh>
    <rPh sb="1" eb="3">
      <t>チョウシャ</t>
    </rPh>
    <rPh sb="3" eb="5">
      <t>セツビ</t>
    </rPh>
    <rPh sb="5" eb="7">
      <t>イジ</t>
    </rPh>
    <rPh sb="7" eb="9">
      <t>カンリ</t>
    </rPh>
    <rPh sb="9" eb="11">
      <t>ケイヒ</t>
    </rPh>
    <phoneticPr fontId="5"/>
  </si>
  <si>
    <t>会計名　 　　一般会計 　　　　　　　　</t>
    <rPh sb="0" eb="2">
      <t>カイケイ</t>
    </rPh>
    <rPh sb="2" eb="3">
      <t>メイ</t>
    </rPh>
    <rPh sb="7" eb="9">
      <t>イッパン</t>
    </rPh>
    <rPh sb="9" eb="11">
      <t>カイケイ</t>
    </rPh>
    <phoneticPr fontId="4"/>
  </si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4"/>
  </si>
  <si>
    <t>(単位：千円)</t>
    <phoneticPr fontId="4"/>
  </si>
  <si>
    <t>事  業  名</t>
    <phoneticPr fontId="4"/>
  </si>
  <si>
    <t>担当課</t>
    <rPh sb="0" eb="2">
      <t>タントウ</t>
    </rPh>
    <rPh sb="2" eb="3">
      <t>カ</t>
    </rPh>
    <phoneticPr fontId="4"/>
  </si>
  <si>
    <t>増減</t>
    <rPh sb="0" eb="2">
      <t>ゾウゲン</t>
    </rPh>
    <phoneticPr fontId="4"/>
  </si>
  <si>
    <t>備  考</t>
    <phoneticPr fontId="4"/>
  </si>
  <si>
    <t>当初①</t>
    <phoneticPr fontId="4"/>
  </si>
  <si>
    <t>算定②</t>
    <rPh sb="0" eb="2">
      <t>サンテイ</t>
    </rPh>
    <phoneticPr fontId="4"/>
  </si>
  <si>
    <t>（②-①）</t>
    <phoneticPr fontId="4"/>
  </si>
  <si>
    <t>プレーパーク事業</t>
    <phoneticPr fontId="5"/>
  </si>
  <si>
    <t>市民協働課</t>
    <rPh sb="0" eb="2">
      <t>シミン</t>
    </rPh>
    <rPh sb="2" eb="4">
      <t>キョウドウ</t>
    </rPh>
    <rPh sb="4" eb="5">
      <t>カ</t>
    </rPh>
    <phoneticPr fontId="5"/>
  </si>
  <si>
    <t>　　</t>
  </si>
  <si>
    <t>青少年育成推進事業</t>
    <phoneticPr fontId="5"/>
  </si>
  <si>
    <t>あいりん地域環境整備事業
(巡回・啓発等)</t>
    <rPh sb="14" eb="16">
      <t>ジュンカイ</t>
    </rPh>
    <rPh sb="17" eb="19">
      <t>ケイハツ</t>
    </rPh>
    <rPh sb="19" eb="20">
      <t>トウ</t>
    </rPh>
    <phoneticPr fontId="5"/>
  </si>
  <si>
    <t>地域防災活動事業</t>
    <phoneticPr fontId="5"/>
  </si>
  <si>
    <t>生涯学習関係事業</t>
    <phoneticPr fontId="5"/>
  </si>
  <si>
    <t>区における人権啓発推進事業</t>
    <phoneticPr fontId="5"/>
  </si>
  <si>
    <t>総務課</t>
    <rPh sb="0" eb="3">
      <t>ソウムカ</t>
    </rPh>
    <phoneticPr fontId="5"/>
  </si>
  <si>
    <t>総務課</t>
    <rPh sb="0" eb="2">
      <t>ソウム</t>
    </rPh>
    <rPh sb="2" eb="3">
      <t>カ</t>
    </rPh>
    <phoneticPr fontId="5"/>
  </si>
  <si>
    <t>区政会議運営事業</t>
    <phoneticPr fontId="5"/>
  </si>
  <si>
    <t>区民モニター事業</t>
    <phoneticPr fontId="5"/>
  </si>
  <si>
    <t>広聴・広報事業</t>
    <phoneticPr fontId="5"/>
  </si>
  <si>
    <t>一般事務経費</t>
    <phoneticPr fontId="5"/>
  </si>
  <si>
    <t>薬物依存症者等サポート事業</t>
    <rPh sb="0" eb="2">
      <t>ヤクブツ</t>
    </rPh>
    <rPh sb="2" eb="4">
      <t>イゾン</t>
    </rPh>
    <rPh sb="4" eb="5">
      <t>ショウ</t>
    </rPh>
    <rPh sb="5" eb="6">
      <t>シャ</t>
    </rPh>
    <rPh sb="6" eb="7">
      <t>トウ</t>
    </rPh>
    <rPh sb="11" eb="13">
      <t>ジギョウ</t>
    </rPh>
    <phoneticPr fontId="5"/>
  </si>
  <si>
    <t>こども食堂支援事業</t>
    <rPh sb="3" eb="5">
      <t>ショクドウ</t>
    </rPh>
    <rPh sb="5" eb="7">
      <t>シエン</t>
    </rPh>
    <rPh sb="7" eb="9">
      <t>ジギョウ</t>
    </rPh>
    <phoneticPr fontId="5"/>
  </si>
  <si>
    <t>空家等対策推進事業</t>
    <rPh sb="0" eb="2">
      <t>アキヤ</t>
    </rPh>
    <rPh sb="2" eb="3">
      <t>トウ</t>
    </rPh>
    <rPh sb="3" eb="5">
      <t>タイサク</t>
    </rPh>
    <rPh sb="5" eb="7">
      <t>スイシン</t>
    </rPh>
    <rPh sb="7" eb="9">
      <t>ジギョウ</t>
    </rPh>
    <phoneticPr fontId="5"/>
  </si>
  <si>
    <t>市民協働課</t>
    <rPh sb="0" eb="2">
      <t>シミン</t>
    </rPh>
    <rPh sb="2" eb="4">
      <t>キョウドウ</t>
    </rPh>
    <rPh sb="4" eb="5">
      <t>カ</t>
    </rPh>
    <phoneticPr fontId="5"/>
  </si>
  <si>
    <t>自転車等安全利用啓発事業</t>
    <rPh sb="0" eb="3">
      <t>ジテンシャ</t>
    </rPh>
    <rPh sb="3" eb="4">
      <t>トウ</t>
    </rPh>
    <rPh sb="4" eb="6">
      <t>アンゼン</t>
    </rPh>
    <rPh sb="6" eb="8">
      <t>リヨウ</t>
    </rPh>
    <rPh sb="8" eb="10">
      <t>ケイハツ</t>
    </rPh>
    <rPh sb="10" eb="12">
      <t>ジギョウ</t>
    </rPh>
    <phoneticPr fontId="5"/>
  </si>
  <si>
    <t>西成区こども生活・まなびサポート事業</t>
    <rPh sb="6" eb="8">
      <t>セイカツ</t>
    </rPh>
    <rPh sb="16" eb="18">
      <t>ジギョウ</t>
    </rPh>
    <phoneticPr fontId="5"/>
  </si>
  <si>
    <t>西成区単身高齢生活保護受給者の社会的つながりづくり事業</t>
    <rPh sb="0" eb="3">
      <t>ニシナリク</t>
    </rPh>
    <rPh sb="5" eb="7">
      <t>コウレイ</t>
    </rPh>
    <phoneticPr fontId="5"/>
  </si>
  <si>
    <t>西成区魅力発信事業</t>
    <rPh sb="3" eb="5">
      <t>ミリョク</t>
    </rPh>
    <rPh sb="5" eb="7">
      <t>ハッシン</t>
    </rPh>
    <rPh sb="7" eb="9">
      <t>ジギョウ</t>
    </rPh>
    <phoneticPr fontId="5"/>
  </si>
  <si>
    <t>あいりん地域環境整備事業
(通学路安全対策)</t>
    <rPh sb="14" eb="17">
      <t>ツウガクロ</t>
    </rPh>
    <rPh sb="17" eb="19">
      <t>アンゼン</t>
    </rPh>
    <rPh sb="19" eb="21">
      <t>タイサク</t>
    </rPh>
    <phoneticPr fontId="5"/>
  </si>
  <si>
    <t>所属計</t>
    <rPh sb="0" eb="2">
      <t>ショゾク</t>
    </rPh>
    <rPh sb="2" eb="3">
      <t>ケイ</t>
    </rPh>
    <phoneticPr fontId="5"/>
  </si>
  <si>
    <t>総務課・窓口サービス課
市民協働課・保健福祉課</t>
    <rPh sb="0" eb="3">
      <t>ソウムカ</t>
    </rPh>
    <rPh sb="12" eb="14">
      <t>シミン</t>
    </rPh>
    <rPh sb="14" eb="16">
      <t>キョウドウ</t>
    </rPh>
    <rPh sb="16" eb="17">
      <t>カ</t>
    </rPh>
    <rPh sb="18" eb="20">
      <t>ホケン</t>
    </rPh>
    <rPh sb="20" eb="23">
      <t>フクシカ</t>
    </rPh>
    <phoneticPr fontId="5"/>
  </si>
  <si>
    <t>所属名　  　　　　　西成区役所　　　　　</t>
    <rPh sb="0" eb="2">
      <t>ショゾク</t>
    </rPh>
    <rPh sb="2" eb="3">
      <t>メイ</t>
    </rPh>
    <rPh sb="11" eb="13">
      <t>ニシナリ</t>
    </rPh>
    <rPh sb="13" eb="14">
      <t>ク</t>
    </rPh>
    <rPh sb="14" eb="16">
      <t>ヤクショ</t>
    </rPh>
    <phoneticPr fontId="4"/>
  </si>
  <si>
    <t>地域密着型エリアリノベーションビジネス促進事業</t>
    <rPh sb="0" eb="4">
      <t>チイキミッチャク</t>
    </rPh>
    <rPh sb="4" eb="5">
      <t>カタ</t>
    </rPh>
    <rPh sb="19" eb="21">
      <t>ソクシン</t>
    </rPh>
    <rPh sb="21" eb="23">
      <t>ジギョウ</t>
    </rPh>
    <phoneticPr fontId="5"/>
  </si>
  <si>
    <t>西成版サービスハブ構築・運営事業</t>
    <rPh sb="0" eb="2">
      <t>ニシナリ</t>
    </rPh>
    <rPh sb="2" eb="3">
      <t>バン</t>
    </rPh>
    <rPh sb="9" eb="11">
      <t>コウチク</t>
    </rPh>
    <rPh sb="12" eb="14">
      <t>ウンエイ</t>
    </rPh>
    <rPh sb="14" eb="16">
      <t>ジギョウ</t>
    </rPh>
    <phoneticPr fontId="5"/>
  </si>
  <si>
    <t>西成区地域福祉推進事業</t>
    <rPh sb="0" eb="3">
      <t>ニシナリク</t>
    </rPh>
    <rPh sb="3" eb="5">
      <t>チイキ</t>
    </rPh>
    <rPh sb="5" eb="7">
      <t>フクシ</t>
    </rPh>
    <rPh sb="7" eb="9">
      <t>スイシン</t>
    </rPh>
    <rPh sb="9" eb="11">
      <t>ジギョウ</t>
    </rPh>
    <phoneticPr fontId="5"/>
  </si>
  <si>
    <t>保健福祉課</t>
    <rPh sb="0" eb="2">
      <t>ホケン</t>
    </rPh>
    <rPh sb="2" eb="5">
      <t>フクシカ</t>
    </rPh>
    <phoneticPr fontId="5"/>
  </si>
  <si>
    <t>総務課・保健福祉課</t>
    <rPh sb="0" eb="3">
      <t>ソウムカ</t>
    </rPh>
    <rPh sb="4" eb="6">
      <t>ホケン</t>
    </rPh>
    <rPh sb="6" eb="9">
      <t>フクシカ</t>
    </rPh>
    <phoneticPr fontId="5"/>
  </si>
  <si>
    <t>公共空間利用モデル構築事業</t>
    <rPh sb="0" eb="2">
      <t>コウキョウ</t>
    </rPh>
    <rPh sb="2" eb="4">
      <t>クウカン</t>
    </rPh>
    <rPh sb="4" eb="6">
      <t>リヨウ</t>
    </rPh>
    <rPh sb="9" eb="11">
      <t>コウチク</t>
    </rPh>
    <rPh sb="11" eb="13">
      <t>ジギョウ</t>
    </rPh>
    <phoneticPr fontId="5"/>
  </si>
  <si>
    <t>総務課・市民協働課</t>
    <rPh sb="0" eb="3">
      <t>ソウムカ</t>
    </rPh>
    <rPh sb="4" eb="6">
      <t>シミン</t>
    </rPh>
    <rPh sb="6" eb="8">
      <t>キョウドウ</t>
    </rPh>
    <rPh sb="8" eb="9">
      <t>カ</t>
    </rPh>
    <phoneticPr fontId="5"/>
  </si>
  <si>
    <t>（様式4）</t>
    <rPh sb="1" eb="3">
      <t>ヨウシキ</t>
    </rPh>
    <phoneticPr fontId="5"/>
  </si>
  <si>
    <t>区庁舎設備改修事業</t>
    <rPh sb="0" eb="1">
      <t>ク</t>
    </rPh>
    <rPh sb="1" eb="3">
      <t>チョウシャ</t>
    </rPh>
    <rPh sb="3" eb="5">
      <t>セツビ</t>
    </rPh>
    <rPh sb="5" eb="7">
      <t>カイシュウ</t>
    </rPh>
    <rPh sb="7" eb="9">
      <t>ジギョウ</t>
    </rPh>
    <phoneticPr fontId="5"/>
  </si>
  <si>
    <t>障がいがある子どもや親の孤立防止支援事業</t>
    <rPh sb="0" eb="1">
      <t>ショウ</t>
    </rPh>
    <rPh sb="6" eb="7">
      <t>コ</t>
    </rPh>
    <rPh sb="10" eb="11">
      <t>オヤ</t>
    </rPh>
    <rPh sb="12" eb="14">
      <t>コリツ</t>
    </rPh>
    <rPh sb="14" eb="16">
      <t>ボウシ</t>
    </rPh>
    <rPh sb="16" eb="18">
      <t>シエン</t>
    </rPh>
    <rPh sb="18" eb="20">
      <t>ジギョウ</t>
    </rPh>
    <phoneticPr fontId="5"/>
  </si>
  <si>
    <t>新今宮エリアブランド向上事業</t>
    <rPh sb="0" eb="3">
      <t>シンイマミヤ</t>
    </rPh>
    <rPh sb="10" eb="12">
      <t>コウジョウ</t>
    </rPh>
    <rPh sb="12" eb="14">
      <t>ジギョウ</t>
    </rPh>
    <phoneticPr fontId="5"/>
  </si>
  <si>
    <t>西成つながり名簿整備支援事業</t>
    <rPh sb="0" eb="2">
      <t>ニシナリ</t>
    </rPh>
    <rPh sb="6" eb="8">
      <t>メイボ</t>
    </rPh>
    <rPh sb="8" eb="10">
      <t>セイビ</t>
    </rPh>
    <rPh sb="10" eb="12">
      <t>シエン</t>
    </rPh>
    <rPh sb="12" eb="14">
      <t>ジギョウ</t>
    </rPh>
    <phoneticPr fontId="5"/>
  </si>
  <si>
    <t>DV対策・児童虐待防止子育て支援事業</t>
    <phoneticPr fontId="5"/>
  </si>
  <si>
    <t xml:space="preserve"> 2 年 度</t>
    <phoneticPr fontId="4"/>
  </si>
  <si>
    <t>3 年 度</t>
    <rPh sb="2" eb="3">
      <t>ネン</t>
    </rPh>
    <rPh sb="4" eb="5">
      <t>ド</t>
    </rPh>
    <phoneticPr fontId="5"/>
  </si>
  <si>
    <t>区役所附設会館管理経費</t>
    <phoneticPr fontId="5"/>
  </si>
  <si>
    <t>あいりん総合センター跡地等活用事業</t>
    <rPh sb="4" eb="6">
      <t>ソウゴウ</t>
    </rPh>
    <rPh sb="10" eb="12">
      <t>アトチ</t>
    </rPh>
    <rPh sb="12" eb="13">
      <t>トウ</t>
    </rPh>
    <rPh sb="13" eb="15">
      <t>カツヨウ</t>
    </rPh>
    <rPh sb="15" eb="17">
      <t>ジギョ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6" formatCode="&quot;¥&quot;#,##0;[Red]&quot;¥&quot;\-#,##0"/>
    <numFmt numFmtId="176" formatCode="#,##0;&quot;△ &quot;#,##0"/>
    <numFmt numFmtId="177" formatCode="\(#,##0\)"/>
    <numFmt numFmtId="178" formatCode="\(#,##0\);\(&quot;△ &quot;#,##0\)"/>
    <numFmt numFmtId="179" formatCode="\(0,000\)"/>
    <numFmt numFmtId="180" formatCode="\(0\)"/>
  </numFmts>
  <fonts count="20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明朝"/>
      <family val="1"/>
      <charset val="128"/>
    </font>
    <font>
      <sz val="9"/>
      <color indexed="8"/>
      <name val="HGS創英角ｺﾞｼｯｸUB"/>
      <family val="3"/>
      <charset val="128"/>
    </font>
    <font>
      <sz val="9"/>
      <color theme="1"/>
      <name val="HGS創英角ｺﾞｼｯｸUB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0.5"/>
      <color theme="1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8"/>
      <name val="ＭＳ Ｐゴシック"/>
      <family val="3"/>
      <charset val="128"/>
    </font>
    <font>
      <b/>
      <sz val="10.5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</borders>
  <cellStyleXfs count="17">
    <xf numFmtId="0" fontId="0" fillId="0" borderId="0"/>
    <xf numFmtId="38" fontId="6" fillId="0" borderId="0" applyFont="0" applyFill="0" applyBorder="0" applyAlignment="0" applyProtection="0"/>
    <xf numFmtId="38" fontId="9" fillId="0" borderId="0" applyFont="0" applyFill="0" applyBorder="0" applyAlignment="0" applyProtection="0"/>
    <xf numFmtId="0" fontId="6" fillId="0" borderId="0"/>
    <xf numFmtId="38" fontId="1" fillId="0" borderId="0" applyFont="0" applyFill="0" applyBorder="0" applyAlignment="0" applyProtection="0">
      <alignment vertical="center"/>
    </xf>
    <xf numFmtId="38" fontId="2" fillId="0" borderId="0" applyFont="0" applyFill="0" applyBorder="0" applyAlignment="0" applyProtection="0"/>
    <xf numFmtId="38" fontId="10" fillId="0" borderId="0" applyFont="0" applyFill="0" applyBorder="0" applyAlignment="0" applyProtection="0">
      <alignment vertical="center"/>
    </xf>
    <xf numFmtId="6" fontId="2" fillId="0" borderId="0" applyFont="0" applyFill="0" applyBorder="0" applyAlignment="0" applyProtection="0"/>
    <xf numFmtId="0" fontId="11" fillId="0" borderId="0">
      <alignment vertical="center"/>
    </xf>
    <xf numFmtId="0" fontId="12" fillId="0" borderId="0">
      <alignment vertical="center"/>
    </xf>
    <xf numFmtId="0" fontId="12" fillId="0" borderId="0">
      <alignment vertical="center"/>
    </xf>
    <xf numFmtId="0" fontId="3" fillId="0" borderId="0"/>
    <xf numFmtId="38" fontId="12" fillId="0" borderId="0" applyFont="0" applyFill="0" applyBorder="0" applyAlignment="0" applyProtection="0">
      <alignment vertical="center"/>
    </xf>
    <xf numFmtId="0" fontId="2" fillId="0" borderId="0"/>
    <xf numFmtId="38" fontId="16" fillId="0" borderId="0" applyFont="0" applyFill="0" applyBorder="0" applyAlignment="0" applyProtection="0">
      <alignment vertical="center"/>
    </xf>
    <xf numFmtId="0" fontId="16" fillId="0" borderId="0"/>
    <xf numFmtId="0" fontId="19" fillId="0" borderId="0" applyNumberFormat="0" applyFill="0" applyBorder="0" applyAlignment="0" applyProtection="0"/>
  </cellStyleXfs>
  <cellXfs count="59">
    <xf numFmtId="0" fontId="0" fillId="0" borderId="0" xfId="0"/>
    <xf numFmtId="0" fontId="7" fillId="0" borderId="0" xfId="11" applyNumberFormat="1" applyFont="1" applyFill="1" applyAlignment="1">
      <alignment vertical="center"/>
    </xf>
    <xf numFmtId="0" fontId="7" fillId="0" borderId="0" xfId="11" applyNumberFormat="1" applyFont="1" applyFill="1" applyAlignment="1">
      <alignment horizontal="center" vertical="center"/>
    </xf>
    <xf numFmtId="0" fontId="7" fillId="0" borderId="0" xfId="11" applyFont="1" applyFill="1" applyAlignment="1">
      <alignment vertical="center"/>
    </xf>
    <xf numFmtId="0" fontId="14" fillId="0" borderId="0" xfId="11" applyNumberFormat="1" applyFont="1" applyFill="1" applyAlignment="1">
      <alignment horizontal="left" vertical="center"/>
    </xf>
    <xf numFmtId="0" fontId="7" fillId="0" borderId="0" xfId="11" applyNumberFormat="1" applyFont="1" applyFill="1" applyAlignment="1">
      <alignment horizontal="right" vertical="center"/>
    </xf>
    <xf numFmtId="0" fontId="15" fillId="0" borderId="0" xfId="11" applyNumberFormat="1" applyFont="1" applyFill="1" applyAlignment="1">
      <alignment horizontal="right" vertical="center"/>
    </xf>
    <xf numFmtId="0" fontId="7" fillId="0" borderId="1" xfId="11" applyNumberFormat="1" applyFont="1" applyFill="1" applyBorder="1" applyAlignment="1">
      <alignment horizontal="center" vertical="center"/>
    </xf>
    <xf numFmtId="0" fontId="7" fillId="0" borderId="6" xfId="11" applyNumberFormat="1" applyFont="1" applyFill="1" applyBorder="1" applyAlignment="1">
      <alignment horizontal="center" vertical="center"/>
    </xf>
    <xf numFmtId="0" fontId="7" fillId="0" borderId="2" xfId="11" applyNumberFormat="1" applyFont="1" applyFill="1" applyBorder="1" applyAlignment="1">
      <alignment horizontal="center" vertical="center" shrinkToFit="1"/>
    </xf>
    <xf numFmtId="176" fontId="7" fillId="0" borderId="5" xfId="11" applyNumberFormat="1" applyFont="1" applyFill="1" applyBorder="1" applyAlignment="1">
      <alignment horizontal="right" vertical="center" shrinkToFit="1"/>
    </xf>
    <xf numFmtId="178" fontId="7" fillId="0" borderId="4" xfId="11" applyNumberFormat="1" applyFont="1" applyFill="1" applyBorder="1" applyAlignment="1">
      <alignment vertical="center" shrinkToFit="1"/>
    </xf>
    <xf numFmtId="176" fontId="7" fillId="0" borderId="5" xfId="11" applyNumberFormat="1" applyFont="1" applyFill="1" applyBorder="1" applyAlignment="1">
      <alignment vertical="center" shrinkToFit="1"/>
    </xf>
    <xf numFmtId="177" fontId="7" fillId="0" borderId="2" xfId="11" applyNumberFormat="1" applyFont="1" applyFill="1" applyBorder="1" applyAlignment="1">
      <alignment vertical="center" shrinkToFit="1"/>
    </xf>
    <xf numFmtId="178" fontId="7" fillId="0" borderId="2" xfId="11" applyNumberFormat="1" applyFont="1" applyFill="1" applyBorder="1" applyAlignment="1">
      <alignment vertical="center" shrinkToFit="1"/>
    </xf>
    <xf numFmtId="176" fontId="7" fillId="0" borderId="3" xfId="11" applyNumberFormat="1" applyFont="1" applyFill="1" applyBorder="1" applyAlignment="1">
      <alignment vertical="center" shrinkToFit="1"/>
    </xf>
    <xf numFmtId="177" fontId="7" fillId="0" borderId="2" xfId="11" applyNumberFormat="1" applyFont="1" applyFill="1" applyBorder="1" applyAlignment="1">
      <alignment horizontal="right" vertical="center" shrinkToFit="1"/>
    </xf>
    <xf numFmtId="177" fontId="7" fillId="0" borderId="3" xfId="11" applyNumberFormat="1" applyFont="1" applyFill="1" applyBorder="1" applyAlignment="1">
      <alignment vertical="center" shrinkToFit="1"/>
    </xf>
    <xf numFmtId="176" fontId="7" fillId="0" borderId="5" xfId="11" applyNumberFormat="1" applyFont="1" applyFill="1" applyBorder="1" applyAlignment="1">
      <alignment vertical="center"/>
    </xf>
    <xf numFmtId="177" fontId="7" fillId="0" borderId="4" xfId="11" applyNumberFormat="1" applyFont="1" applyFill="1" applyBorder="1" applyAlignment="1">
      <alignment vertical="center"/>
    </xf>
    <xf numFmtId="176" fontId="7" fillId="0" borderId="3" xfId="11" applyNumberFormat="1" applyFont="1" applyFill="1" applyBorder="1" applyAlignment="1">
      <alignment vertical="center"/>
    </xf>
    <xf numFmtId="179" fontId="7" fillId="0" borderId="2" xfId="11" applyNumberFormat="1" applyFont="1" applyFill="1" applyBorder="1" applyAlignment="1">
      <alignment vertical="center" shrinkToFit="1"/>
    </xf>
    <xf numFmtId="180" fontId="7" fillId="0" borderId="2" xfId="11" applyNumberFormat="1" applyFont="1" applyFill="1" applyBorder="1" applyAlignment="1">
      <alignment vertical="center" shrinkToFit="1"/>
    </xf>
    <xf numFmtId="0" fontId="7" fillId="0" borderId="2" xfId="11" applyNumberFormat="1" applyFont="1" applyFill="1" applyBorder="1" applyAlignment="1">
      <alignment horizontal="center" vertical="center"/>
    </xf>
    <xf numFmtId="0" fontId="7" fillId="0" borderId="7" xfId="11" applyFont="1" applyFill="1" applyBorder="1" applyAlignment="1">
      <alignment horizontal="center" vertical="center"/>
    </xf>
    <xf numFmtId="0" fontId="7" fillId="0" borderId="15" xfId="11" applyFont="1" applyFill="1" applyBorder="1" applyAlignment="1">
      <alignment horizontal="center" vertical="center"/>
    </xf>
    <xf numFmtId="0" fontId="7" fillId="0" borderId="10" xfId="11" applyFont="1" applyFill="1" applyBorder="1" applyAlignment="1">
      <alignment horizontal="center" vertical="center"/>
    </xf>
    <xf numFmtId="0" fontId="7" fillId="0" borderId="18" xfId="11" applyFont="1" applyFill="1" applyBorder="1" applyAlignment="1">
      <alignment horizontal="center" vertical="center"/>
    </xf>
    <xf numFmtId="0" fontId="18" fillId="0" borderId="12" xfId="11" applyNumberFormat="1" applyFont="1" applyFill="1" applyBorder="1" applyAlignment="1">
      <alignment horizontal="center" vertical="center"/>
    </xf>
    <xf numFmtId="0" fontId="18" fillId="0" borderId="9" xfId="11" applyNumberFormat="1" applyFont="1" applyFill="1" applyBorder="1" applyAlignment="1">
      <alignment horizontal="center" vertical="center"/>
    </xf>
    <xf numFmtId="0" fontId="18" fillId="0" borderId="14" xfId="11" applyNumberFormat="1" applyFont="1" applyFill="1" applyBorder="1" applyAlignment="1">
      <alignment horizontal="center" vertical="center"/>
    </xf>
    <xf numFmtId="0" fontId="18" fillId="0" borderId="11" xfId="11" applyNumberFormat="1" applyFont="1" applyFill="1" applyBorder="1" applyAlignment="1">
      <alignment horizontal="center" vertical="center"/>
    </xf>
    <xf numFmtId="176" fontId="8" fillId="0" borderId="5" xfId="11" applyNumberFormat="1" applyFont="1" applyFill="1" applyBorder="1" applyAlignment="1">
      <alignment horizontal="center" vertical="center" wrapText="1"/>
    </xf>
    <xf numFmtId="176" fontId="8" fillId="0" borderId="2" xfId="11" applyNumberFormat="1" applyFont="1" applyFill="1" applyBorder="1" applyAlignment="1">
      <alignment horizontal="center" vertical="center" wrapText="1"/>
    </xf>
    <xf numFmtId="0" fontId="19" fillId="0" borderId="22" xfId="16" applyNumberFormat="1" applyFill="1" applyBorder="1" applyAlignment="1">
      <alignment horizontal="left" vertical="center"/>
    </xf>
    <xf numFmtId="0" fontId="19" fillId="0" borderId="20" xfId="16" applyNumberFormat="1" applyFill="1" applyBorder="1" applyAlignment="1">
      <alignment horizontal="left" vertical="center"/>
    </xf>
    <xf numFmtId="0" fontId="8" fillId="2" borderId="22" xfId="11" applyNumberFormat="1" applyFont="1" applyFill="1" applyBorder="1" applyAlignment="1">
      <alignment horizontal="left" vertical="center"/>
    </xf>
    <xf numFmtId="0" fontId="8" fillId="2" borderId="20" xfId="11" applyNumberFormat="1" applyFont="1" applyFill="1" applyBorder="1" applyAlignment="1">
      <alignment horizontal="left" vertical="center"/>
    </xf>
    <xf numFmtId="176" fontId="8" fillId="0" borderId="3" xfId="11" applyNumberFormat="1" applyFont="1" applyFill="1" applyBorder="1" applyAlignment="1">
      <alignment horizontal="center" vertical="center" wrapText="1"/>
    </xf>
    <xf numFmtId="0" fontId="7" fillId="0" borderId="8" xfId="11" applyFont="1" applyFill="1" applyBorder="1" applyAlignment="1">
      <alignment horizontal="center" vertical="center"/>
    </xf>
    <xf numFmtId="0" fontId="7" fillId="0" borderId="16" xfId="11" applyFont="1" applyFill="1" applyBorder="1" applyAlignment="1">
      <alignment horizontal="center" vertical="center"/>
    </xf>
    <xf numFmtId="0" fontId="7" fillId="0" borderId="0" xfId="11" applyFont="1" applyFill="1" applyAlignment="1">
      <alignment horizontal="right" vertical="center"/>
    </xf>
    <xf numFmtId="0" fontId="15" fillId="0" borderId="11" xfId="11" applyNumberFormat="1" applyFont="1" applyFill="1" applyBorder="1" applyAlignment="1">
      <alignment horizontal="right" vertical="center" wrapText="1"/>
    </xf>
    <xf numFmtId="0" fontId="8" fillId="0" borderId="19" xfId="11" applyNumberFormat="1" applyFont="1" applyFill="1" applyBorder="1" applyAlignment="1">
      <alignment horizontal="center" vertical="center"/>
    </xf>
    <xf numFmtId="0" fontId="8" fillId="0" borderId="20" xfId="11" applyNumberFormat="1" applyFont="1" applyFill="1" applyBorder="1" applyAlignment="1">
      <alignment horizontal="center" vertical="center"/>
    </xf>
    <xf numFmtId="0" fontId="7" fillId="0" borderId="1" xfId="11" applyNumberFormat="1" applyFont="1" applyFill="1" applyBorder="1" applyAlignment="1">
      <alignment horizontal="center" vertical="center" wrapText="1"/>
    </xf>
    <xf numFmtId="0" fontId="7" fillId="0" borderId="2" xfId="11" applyNumberFormat="1" applyFont="1" applyFill="1" applyBorder="1" applyAlignment="1">
      <alignment horizontal="center" vertical="center"/>
    </xf>
    <xf numFmtId="0" fontId="7" fillId="0" borderId="13" xfId="11" applyNumberFormat="1" applyFont="1" applyFill="1" applyBorder="1" applyAlignment="1">
      <alignment horizontal="center" vertical="center"/>
    </xf>
    <xf numFmtId="0" fontId="7" fillId="0" borderId="17" xfId="11" applyNumberFormat="1" applyFont="1" applyFill="1" applyBorder="1" applyAlignment="1">
      <alignment horizontal="center" vertical="center"/>
    </xf>
    <xf numFmtId="0" fontId="7" fillId="0" borderId="8" xfId="11" applyNumberFormat="1" applyFont="1" applyFill="1" applyBorder="1" applyAlignment="1">
      <alignment horizontal="center" vertical="center"/>
    </xf>
    <xf numFmtId="0" fontId="7" fillId="0" borderId="16" xfId="11" applyNumberFormat="1" applyFont="1" applyFill="1" applyBorder="1" applyAlignment="1">
      <alignment horizontal="center" vertical="center"/>
    </xf>
    <xf numFmtId="0" fontId="19" fillId="0" borderId="21" xfId="16" applyBorder="1" applyAlignment="1">
      <alignment horizontal="left" vertical="center"/>
    </xf>
    <xf numFmtId="176" fontId="17" fillId="0" borderId="5" xfId="11" applyNumberFormat="1" applyFont="1" applyFill="1" applyBorder="1" applyAlignment="1">
      <alignment horizontal="center" vertical="center" wrapText="1"/>
    </xf>
    <xf numFmtId="176" fontId="17" fillId="0" borderId="2" xfId="11" applyNumberFormat="1" applyFont="1" applyFill="1" applyBorder="1" applyAlignment="1">
      <alignment horizontal="center" vertical="center" wrapText="1"/>
    </xf>
    <xf numFmtId="0" fontId="13" fillId="0" borderId="7" xfId="11" applyFont="1" applyFill="1" applyBorder="1" applyAlignment="1">
      <alignment horizontal="center" vertical="center"/>
    </xf>
    <xf numFmtId="0" fontId="13" fillId="0" borderId="15" xfId="11" applyFont="1" applyFill="1" applyBorder="1" applyAlignment="1">
      <alignment horizontal="center" vertical="center"/>
    </xf>
    <xf numFmtId="0" fontId="13" fillId="0" borderId="8" xfId="11" applyFont="1" applyFill="1" applyBorder="1" applyAlignment="1">
      <alignment horizontal="center" vertical="center"/>
    </xf>
    <xf numFmtId="0" fontId="13" fillId="0" borderId="16" xfId="11" applyFont="1" applyFill="1" applyBorder="1" applyAlignment="1">
      <alignment horizontal="center" vertical="center"/>
    </xf>
    <xf numFmtId="0" fontId="0" fillId="0" borderId="0" xfId="0" applyFill="1"/>
  </cellXfs>
  <cellStyles count="17">
    <cellStyle name="ハイパーリンク" xfId="16" builtinId="8"/>
    <cellStyle name="桁区切り 2" xfId="1"/>
    <cellStyle name="桁区切り 2 2" xfId="5"/>
    <cellStyle name="桁区切り 2 2 2" xfId="6"/>
    <cellStyle name="桁区切り 3" xfId="2"/>
    <cellStyle name="桁区切り 4" xfId="4"/>
    <cellStyle name="桁区切り 4 2" xfId="12"/>
    <cellStyle name="桁区切り 5" xfId="14"/>
    <cellStyle name="通貨 2" xfId="7"/>
    <cellStyle name="標準" xfId="0" builtinId="0"/>
    <cellStyle name="標準 2" xfId="3"/>
    <cellStyle name="標準 2 2" xfId="8"/>
    <cellStyle name="標準 2 3" xfId="13"/>
    <cellStyle name="標準 3" xfId="9"/>
    <cellStyle name="標準 4" xfId="15"/>
    <cellStyle name="標準 5" xfId="10"/>
    <cellStyle name="標準_③予算事業別調書(目次様式)" xfId="11"/>
  </cellStyles>
  <dxfs count="0"/>
  <tableStyles count="0" defaultTableStyle="TableStyleMedium9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tx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city.osaka.lg.jp/nishinari/cmsfiles/contents/0000521/521702/09.xlsx" TargetMode="External"/><Relationship Id="rId13" Type="http://schemas.openxmlformats.org/officeDocument/2006/relationships/hyperlink" Target="https://www.city.osaka.lg.jp/nishinari/cmsfiles/contents/0000521/521702/14.xlsx" TargetMode="External"/><Relationship Id="rId18" Type="http://schemas.openxmlformats.org/officeDocument/2006/relationships/hyperlink" Target="https://www.city.osaka.lg.jp/nishinari/cmsfiles/contents/0000521/521702/19.xlsx" TargetMode="External"/><Relationship Id="rId26" Type="http://schemas.openxmlformats.org/officeDocument/2006/relationships/hyperlink" Target="https://www.city.osaka.lg.jp/nishinari/cmsfiles/contents/0000521/521702/27.xlsx" TargetMode="External"/><Relationship Id="rId39" Type="http://schemas.openxmlformats.org/officeDocument/2006/relationships/hyperlink" Target="https://www.city.osaka.lg.jp/nishinari/cmsfiles/contents/0000521/521702/41.xlsx" TargetMode="External"/><Relationship Id="rId3" Type="http://schemas.openxmlformats.org/officeDocument/2006/relationships/hyperlink" Target="https://www.city.osaka.lg.jp/nishinari/cmsfiles/contents/0000521/521702/04.xlsx" TargetMode="External"/><Relationship Id="rId21" Type="http://schemas.openxmlformats.org/officeDocument/2006/relationships/hyperlink" Target="https://www.city.osaka.lg.jp/nishinari/cmsfiles/contents/0000521/521702/22.xlsx" TargetMode="External"/><Relationship Id="rId34" Type="http://schemas.openxmlformats.org/officeDocument/2006/relationships/hyperlink" Target="https://www.city.osaka.lg.jp/nishinari/cmsfiles/contents/0000521/521702/35.xlsx" TargetMode="External"/><Relationship Id="rId7" Type="http://schemas.openxmlformats.org/officeDocument/2006/relationships/hyperlink" Target="https://www.city.osaka.lg.jp/nishinari/cmsfiles/contents/0000521/521702/08.xlsx" TargetMode="External"/><Relationship Id="rId12" Type="http://schemas.openxmlformats.org/officeDocument/2006/relationships/hyperlink" Target="https://www.city.osaka.lg.jp/nishinari/cmsfiles/contents/0000521/521702/13.xlsx" TargetMode="External"/><Relationship Id="rId17" Type="http://schemas.openxmlformats.org/officeDocument/2006/relationships/hyperlink" Target="https://www.city.osaka.lg.jp/nishinari/cmsfiles/contents/0000521/521702/18.xlsx" TargetMode="External"/><Relationship Id="rId25" Type="http://schemas.openxmlformats.org/officeDocument/2006/relationships/hyperlink" Target="https://www.city.osaka.lg.jp/nishinari/cmsfiles/contents/0000521/521702/26.xlsx" TargetMode="External"/><Relationship Id="rId33" Type="http://schemas.openxmlformats.org/officeDocument/2006/relationships/hyperlink" Target="https://www.city.osaka.lg.jp/nishinari/cmsfiles/contents/0000521/521702/34.xlsx" TargetMode="External"/><Relationship Id="rId38" Type="http://schemas.openxmlformats.org/officeDocument/2006/relationships/hyperlink" Target="https://www.city.osaka.lg.jp/nishinari/cmsfiles/contents/0000521/521702/39.xlsx" TargetMode="External"/><Relationship Id="rId2" Type="http://schemas.openxmlformats.org/officeDocument/2006/relationships/hyperlink" Target="https://www.city.osaka.lg.jp/nishinari/cmsfiles/contents/0000521/521702/03.xlsx" TargetMode="External"/><Relationship Id="rId16" Type="http://schemas.openxmlformats.org/officeDocument/2006/relationships/hyperlink" Target="https://www.city.osaka.lg.jp/nishinari/cmsfiles/contents/0000521/521702/17.xlsx" TargetMode="External"/><Relationship Id="rId20" Type="http://schemas.openxmlformats.org/officeDocument/2006/relationships/hyperlink" Target="https://www.city.osaka.lg.jp/nishinari/cmsfiles/contents/0000521/521702/21.xlsx" TargetMode="External"/><Relationship Id="rId29" Type="http://schemas.openxmlformats.org/officeDocument/2006/relationships/hyperlink" Target="https://www.city.osaka.lg.jp/nishinari/cmsfiles/contents/0000521/521702/30.xlsx" TargetMode="External"/><Relationship Id="rId41" Type="http://schemas.openxmlformats.org/officeDocument/2006/relationships/printerSettings" Target="../printerSettings/printerSettings1.bin"/><Relationship Id="rId1" Type="http://schemas.openxmlformats.org/officeDocument/2006/relationships/hyperlink" Target="https://www.city.osaka.lg.jp/nishinari/cmsfiles/contents/0000521/521702/02.xlsx" TargetMode="External"/><Relationship Id="rId6" Type="http://schemas.openxmlformats.org/officeDocument/2006/relationships/hyperlink" Target="https://www.city.osaka.lg.jp/nishinari/cmsfiles/contents/0000521/521702/07.xlsx" TargetMode="External"/><Relationship Id="rId11" Type="http://schemas.openxmlformats.org/officeDocument/2006/relationships/hyperlink" Target="https://www.city.osaka.lg.jp/nishinari/cmsfiles/contents/0000521/521702/12.xlsx" TargetMode="External"/><Relationship Id="rId24" Type="http://schemas.openxmlformats.org/officeDocument/2006/relationships/hyperlink" Target="https://www.city.osaka.lg.jp/nishinari/cmsfiles/contents/0000521/521702/25.xlsx" TargetMode="External"/><Relationship Id="rId32" Type="http://schemas.openxmlformats.org/officeDocument/2006/relationships/hyperlink" Target="https://www.city.osaka.lg.jp/nishinari/cmsfiles/contents/0000521/521702/33.xlsx" TargetMode="External"/><Relationship Id="rId37" Type="http://schemas.openxmlformats.org/officeDocument/2006/relationships/hyperlink" Target="https://www.city.osaka.lg.jp/nishinari/cmsfiles/contents/0000521/521702/38.xlsx" TargetMode="External"/><Relationship Id="rId40" Type="http://schemas.openxmlformats.org/officeDocument/2006/relationships/hyperlink" Target="https://www.city.osaka.lg.jp/nishinari/cmsfiles/contents/0000521/521702/40.xlsx" TargetMode="External"/><Relationship Id="rId5" Type="http://schemas.openxmlformats.org/officeDocument/2006/relationships/hyperlink" Target="https://www.city.osaka.lg.jp/nishinari/cmsfiles/contents/0000521/521702/06.xlsx" TargetMode="External"/><Relationship Id="rId15" Type="http://schemas.openxmlformats.org/officeDocument/2006/relationships/hyperlink" Target="https://www.city.osaka.lg.jp/nishinari/cmsfiles/contents/0000521/521702/16.xlsx" TargetMode="External"/><Relationship Id="rId23" Type="http://schemas.openxmlformats.org/officeDocument/2006/relationships/hyperlink" Target="https://www.city.osaka.lg.jp/nishinari/cmsfiles/contents/0000521/521702/24.xlsx" TargetMode="External"/><Relationship Id="rId28" Type="http://schemas.openxmlformats.org/officeDocument/2006/relationships/hyperlink" Target="https://www.city.osaka.lg.jp/nishinari/cmsfiles/contents/0000521/521702/29.xlsx" TargetMode="External"/><Relationship Id="rId36" Type="http://schemas.openxmlformats.org/officeDocument/2006/relationships/hyperlink" Target="https://www.city.osaka.lg.jp/nishinari/cmsfiles/contents/0000521/521702/37.xlsx" TargetMode="External"/><Relationship Id="rId10" Type="http://schemas.openxmlformats.org/officeDocument/2006/relationships/hyperlink" Target="https://www.city.osaka.lg.jp/nishinari/cmsfiles/contents/0000521/521702/11.xlsx" TargetMode="External"/><Relationship Id="rId19" Type="http://schemas.openxmlformats.org/officeDocument/2006/relationships/hyperlink" Target="https://www.city.osaka.lg.jp/nishinari/cmsfiles/contents/0000521/521702/20.xlsx" TargetMode="External"/><Relationship Id="rId31" Type="http://schemas.openxmlformats.org/officeDocument/2006/relationships/hyperlink" Target="https://www.city.osaka.lg.jp/nishinari/cmsfiles/contents/0000521/521702/32.xlsx" TargetMode="External"/><Relationship Id="rId4" Type="http://schemas.openxmlformats.org/officeDocument/2006/relationships/hyperlink" Target="https://www.city.osaka.lg.jp/nishinari/cmsfiles/contents/0000521/521702/05.xlsx" TargetMode="External"/><Relationship Id="rId9" Type="http://schemas.openxmlformats.org/officeDocument/2006/relationships/hyperlink" Target="https://www.city.osaka.lg.jp/nishinari/cmsfiles/contents/0000521/521702/10.xlsx" TargetMode="External"/><Relationship Id="rId14" Type="http://schemas.openxmlformats.org/officeDocument/2006/relationships/hyperlink" Target="https://www.city.osaka.lg.jp/nishinari/cmsfiles/contents/0000521/521702/15.xlsx" TargetMode="External"/><Relationship Id="rId22" Type="http://schemas.openxmlformats.org/officeDocument/2006/relationships/hyperlink" Target="https://www.city.osaka.lg.jp/nishinari/cmsfiles/contents/0000521/521702/23.xlsx" TargetMode="External"/><Relationship Id="rId27" Type="http://schemas.openxmlformats.org/officeDocument/2006/relationships/hyperlink" Target="https://www.city.osaka.lg.jp/nishinari/cmsfiles/contents/0000521/521702/28.xlsx" TargetMode="External"/><Relationship Id="rId30" Type="http://schemas.openxmlformats.org/officeDocument/2006/relationships/hyperlink" Target="https://www.city.osaka.lg.jp/nishinari/cmsfiles/contents/0000521/521702/31.xlsx" TargetMode="External"/><Relationship Id="rId35" Type="http://schemas.openxmlformats.org/officeDocument/2006/relationships/hyperlink" Target="https://www.city.osaka.lg.jp/nishinari/cmsfiles/contents/0000521/521702/36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91"/>
  <sheetViews>
    <sheetView tabSelected="1" view="pageBreakPreview" zoomScale="85" zoomScaleNormal="100" zoomScaleSheetLayoutView="85" workbookViewId="0">
      <selection activeCell="K14" sqref="A14:K15"/>
    </sheetView>
  </sheetViews>
  <sheetFormatPr defaultColWidth="8.625" defaultRowHeight="18" customHeight="1"/>
  <cols>
    <col min="1" max="1" width="54.25" style="1" bestFit="1" customWidth="1"/>
    <col min="2" max="2" width="17.5" style="1" customWidth="1"/>
    <col min="3" max="3" width="12.5" style="1" customWidth="1" collapsed="1"/>
    <col min="4" max="4" width="12.5" style="2" customWidth="1"/>
    <col min="5" max="5" width="12.5" style="1" customWidth="1"/>
    <col min="6" max="6" width="6.25" style="3" customWidth="1"/>
    <col min="7" max="7" width="9.375" style="3" customWidth="1"/>
    <col min="8" max="232" width="8.625" style="3" customWidth="1"/>
    <col min="233" max="16384" width="8.625" style="3"/>
  </cols>
  <sheetData>
    <row r="1" spans="1:7" ht="18" customHeight="1">
      <c r="F1" s="41" t="s">
        <v>55</v>
      </c>
      <c r="G1" s="41"/>
    </row>
    <row r="2" spans="1:7" ht="15" customHeight="1"/>
    <row r="3" spans="1:7" ht="18" customHeight="1">
      <c r="A3" s="4" t="s">
        <v>12</v>
      </c>
      <c r="B3" s="3"/>
      <c r="C3" s="3"/>
      <c r="E3" s="4" t="s">
        <v>47</v>
      </c>
    </row>
    <row r="4" spans="1:7" ht="10.5" customHeight="1">
      <c r="B4" s="3"/>
      <c r="C4" s="3"/>
      <c r="D4" s="4"/>
      <c r="E4" s="3"/>
    </row>
    <row r="5" spans="1:7" ht="27" customHeight="1" thickBot="1">
      <c r="B5" s="42" t="s">
        <v>13</v>
      </c>
      <c r="C5" s="42"/>
      <c r="D5" s="42"/>
      <c r="E5" s="5"/>
      <c r="G5" s="6" t="s">
        <v>14</v>
      </c>
    </row>
    <row r="6" spans="1:7" ht="15" customHeight="1">
      <c r="A6" s="43" t="s">
        <v>15</v>
      </c>
      <c r="B6" s="45" t="s">
        <v>16</v>
      </c>
      <c r="C6" s="7" t="s">
        <v>61</v>
      </c>
      <c r="D6" s="8" t="s">
        <v>62</v>
      </c>
      <c r="E6" s="7" t="s">
        <v>17</v>
      </c>
      <c r="F6" s="47" t="s">
        <v>18</v>
      </c>
      <c r="G6" s="48"/>
    </row>
    <row r="7" spans="1:7" ht="15" customHeight="1">
      <c r="A7" s="44"/>
      <c r="B7" s="46"/>
      <c r="C7" s="9" t="s">
        <v>19</v>
      </c>
      <c r="D7" s="23" t="s">
        <v>20</v>
      </c>
      <c r="E7" s="23" t="s">
        <v>21</v>
      </c>
      <c r="F7" s="49"/>
      <c r="G7" s="50"/>
    </row>
    <row r="8" spans="1:7" ht="15" customHeight="1">
      <c r="A8" s="51" t="s">
        <v>37</v>
      </c>
      <c r="B8" s="32" t="s">
        <v>51</v>
      </c>
      <c r="C8" s="12">
        <v>4958</v>
      </c>
      <c r="D8" s="12">
        <v>1353</v>
      </c>
      <c r="E8" s="10">
        <f>+D8-C8</f>
        <v>-3605</v>
      </c>
      <c r="F8" s="24"/>
      <c r="G8" s="25"/>
    </row>
    <row r="9" spans="1:7" ht="15" customHeight="1">
      <c r="A9" s="51"/>
      <c r="B9" s="33"/>
      <c r="C9" s="13">
        <v>4958</v>
      </c>
      <c r="D9" s="13">
        <v>1353</v>
      </c>
      <c r="E9" s="14">
        <f>+D9-C9</f>
        <v>-3605</v>
      </c>
      <c r="F9" s="39"/>
      <c r="G9" s="40"/>
    </row>
    <row r="10" spans="1:7" ht="15" customHeight="1">
      <c r="A10" s="34" t="s">
        <v>41</v>
      </c>
      <c r="B10" s="32" t="s">
        <v>51</v>
      </c>
      <c r="C10" s="12">
        <v>69679</v>
      </c>
      <c r="D10" s="12">
        <v>65593</v>
      </c>
      <c r="E10" s="10">
        <f>+D10-C10</f>
        <v>-4086</v>
      </c>
      <c r="F10" s="24"/>
      <c r="G10" s="25"/>
    </row>
    <row r="11" spans="1:7" ht="15" customHeight="1">
      <c r="A11" s="35"/>
      <c r="B11" s="33"/>
      <c r="C11" s="13">
        <v>46453</v>
      </c>
      <c r="D11" s="13">
        <v>43729</v>
      </c>
      <c r="E11" s="14">
        <f>+D11-C11</f>
        <v>-2724</v>
      </c>
      <c r="F11" s="39"/>
      <c r="G11" s="40"/>
    </row>
    <row r="12" spans="1:7" ht="15" customHeight="1">
      <c r="A12" s="34" t="s">
        <v>22</v>
      </c>
      <c r="B12" s="32" t="s">
        <v>51</v>
      </c>
      <c r="C12" s="12">
        <v>17630</v>
      </c>
      <c r="D12" s="12">
        <v>12308</v>
      </c>
      <c r="E12" s="10">
        <f t="shared" ref="E12:E25" si="0">+D12-C12</f>
        <v>-5322</v>
      </c>
      <c r="F12" s="24"/>
      <c r="G12" s="25"/>
    </row>
    <row r="13" spans="1:7" ht="15" customHeight="1">
      <c r="A13" s="35"/>
      <c r="B13" s="33"/>
      <c r="C13" s="16">
        <v>14906</v>
      </c>
      <c r="D13" s="16">
        <v>9918</v>
      </c>
      <c r="E13" s="14">
        <f t="shared" si="0"/>
        <v>-4988</v>
      </c>
      <c r="F13" s="39"/>
      <c r="G13" s="40"/>
    </row>
    <row r="14" spans="1:7" ht="15" customHeight="1">
      <c r="A14" s="34" t="s">
        <v>0</v>
      </c>
      <c r="B14" s="32" t="s">
        <v>51</v>
      </c>
      <c r="C14" s="12">
        <v>7744</v>
      </c>
      <c r="D14" s="12">
        <v>7744</v>
      </c>
      <c r="E14" s="10">
        <f t="shared" si="0"/>
        <v>0</v>
      </c>
      <c r="F14" s="24"/>
      <c r="G14" s="25"/>
    </row>
    <row r="15" spans="1:7" ht="15" customHeight="1">
      <c r="A15" s="35"/>
      <c r="B15" s="33"/>
      <c r="C15" s="13">
        <v>5207</v>
      </c>
      <c r="D15" s="13">
        <v>5199</v>
      </c>
      <c r="E15" s="14">
        <f t="shared" si="0"/>
        <v>-8</v>
      </c>
      <c r="F15" s="39"/>
      <c r="G15" s="40"/>
    </row>
    <row r="16" spans="1:7" ht="15" customHeight="1">
      <c r="A16" s="34" t="s">
        <v>1</v>
      </c>
      <c r="B16" s="32" t="s">
        <v>51</v>
      </c>
      <c r="C16" s="12">
        <v>186</v>
      </c>
      <c r="D16" s="12">
        <v>186</v>
      </c>
      <c r="E16" s="10">
        <f t="shared" si="0"/>
        <v>0</v>
      </c>
      <c r="F16" s="24"/>
      <c r="G16" s="25"/>
    </row>
    <row r="17" spans="1:7" ht="15" customHeight="1">
      <c r="A17" s="35"/>
      <c r="B17" s="33"/>
      <c r="C17" s="13">
        <v>121</v>
      </c>
      <c r="D17" s="13">
        <v>121</v>
      </c>
      <c r="E17" s="14">
        <f t="shared" si="0"/>
        <v>0</v>
      </c>
      <c r="F17" s="39"/>
      <c r="G17" s="40"/>
    </row>
    <row r="18" spans="1:7" ht="15" customHeight="1">
      <c r="A18" s="34" t="s">
        <v>57</v>
      </c>
      <c r="B18" s="32" t="s">
        <v>51</v>
      </c>
      <c r="C18" s="12">
        <v>8079</v>
      </c>
      <c r="D18" s="12">
        <v>7342</v>
      </c>
      <c r="E18" s="10">
        <f t="shared" ref="E18:E19" si="1">+D18-C18</f>
        <v>-737</v>
      </c>
      <c r="F18" s="24"/>
      <c r="G18" s="25"/>
    </row>
    <row r="19" spans="1:7" ht="15" customHeight="1">
      <c r="A19" s="35"/>
      <c r="B19" s="33"/>
      <c r="C19" s="13">
        <v>8079</v>
      </c>
      <c r="D19" s="13">
        <v>7342</v>
      </c>
      <c r="E19" s="14">
        <f t="shared" si="1"/>
        <v>-737</v>
      </c>
      <c r="F19" s="39"/>
      <c r="G19" s="40"/>
    </row>
    <row r="20" spans="1:7" ht="15" customHeight="1">
      <c r="A20" s="34" t="s">
        <v>60</v>
      </c>
      <c r="B20" s="32" t="s">
        <v>51</v>
      </c>
      <c r="C20" s="12">
        <v>757</v>
      </c>
      <c r="D20" s="12">
        <v>546</v>
      </c>
      <c r="E20" s="10">
        <f t="shared" si="0"/>
        <v>-211</v>
      </c>
      <c r="F20" s="24"/>
      <c r="G20" s="25"/>
    </row>
    <row r="21" spans="1:7" ht="15" customHeight="1">
      <c r="A21" s="35"/>
      <c r="B21" s="33"/>
      <c r="C21" s="13">
        <v>757</v>
      </c>
      <c r="D21" s="13">
        <v>546</v>
      </c>
      <c r="E21" s="14">
        <f t="shared" si="0"/>
        <v>-211</v>
      </c>
      <c r="F21" s="39"/>
      <c r="G21" s="40"/>
    </row>
    <row r="22" spans="1:7" ht="15" customHeight="1">
      <c r="A22" s="34" t="s">
        <v>7</v>
      </c>
      <c r="B22" s="32" t="s">
        <v>51</v>
      </c>
      <c r="C22" s="12">
        <v>3264</v>
      </c>
      <c r="D22" s="12">
        <v>3172</v>
      </c>
      <c r="E22" s="10">
        <f t="shared" si="0"/>
        <v>-92</v>
      </c>
      <c r="F22" s="24"/>
      <c r="G22" s="25"/>
    </row>
    <row r="23" spans="1:7" ht="15" customHeight="1">
      <c r="A23" s="35"/>
      <c r="B23" s="33"/>
      <c r="C23" s="13">
        <v>3264</v>
      </c>
      <c r="D23" s="13">
        <v>3172</v>
      </c>
      <c r="E23" s="14">
        <f t="shared" si="0"/>
        <v>-92</v>
      </c>
      <c r="F23" s="39"/>
      <c r="G23" s="40"/>
    </row>
    <row r="24" spans="1:7" s="58" customFormat="1" ht="15" customHeight="1">
      <c r="A24" s="34" t="s">
        <v>25</v>
      </c>
      <c r="B24" s="32" t="s">
        <v>51</v>
      </c>
      <c r="C24" s="15">
        <v>1222</v>
      </c>
      <c r="D24" s="15">
        <v>1222</v>
      </c>
      <c r="E24" s="10">
        <f t="shared" si="0"/>
        <v>0</v>
      </c>
      <c r="F24" s="24"/>
      <c r="G24" s="25"/>
    </row>
    <row r="25" spans="1:7" s="58" customFormat="1" ht="15" customHeight="1">
      <c r="A25" s="35"/>
      <c r="B25" s="33"/>
      <c r="C25" s="13">
        <v>1222</v>
      </c>
      <c r="D25" s="13">
        <v>1222</v>
      </c>
      <c r="E25" s="14">
        <f t="shared" si="0"/>
        <v>0</v>
      </c>
      <c r="F25" s="39"/>
      <c r="G25" s="40"/>
    </row>
    <row r="26" spans="1:7" s="58" customFormat="1" ht="15" customHeight="1">
      <c r="A26" s="34" t="s">
        <v>6</v>
      </c>
      <c r="B26" s="32" t="s">
        <v>23</v>
      </c>
      <c r="C26" s="12">
        <v>64515</v>
      </c>
      <c r="D26" s="12">
        <v>62992</v>
      </c>
      <c r="E26" s="10">
        <f t="shared" ref="E26:E69" si="2">+D26-C26</f>
        <v>-1523</v>
      </c>
      <c r="F26" s="24"/>
      <c r="G26" s="25"/>
    </row>
    <row r="27" spans="1:7" s="58" customFormat="1" ht="15" customHeight="1">
      <c r="A27" s="35"/>
      <c r="B27" s="33"/>
      <c r="C27" s="13">
        <v>64515</v>
      </c>
      <c r="D27" s="13">
        <v>62992</v>
      </c>
      <c r="E27" s="14">
        <f t="shared" si="2"/>
        <v>-1523</v>
      </c>
      <c r="F27" s="39"/>
      <c r="G27" s="40"/>
    </row>
    <row r="28" spans="1:7" s="58" customFormat="1" ht="15" customHeight="1">
      <c r="A28" s="34" t="s">
        <v>9</v>
      </c>
      <c r="B28" s="32" t="s">
        <v>23</v>
      </c>
      <c r="C28" s="12">
        <v>12313</v>
      </c>
      <c r="D28" s="12">
        <v>12794</v>
      </c>
      <c r="E28" s="10">
        <f t="shared" si="2"/>
        <v>481</v>
      </c>
      <c r="F28" s="24"/>
      <c r="G28" s="25"/>
    </row>
    <row r="29" spans="1:7" s="58" customFormat="1" ht="15" customHeight="1">
      <c r="A29" s="35"/>
      <c r="B29" s="33"/>
      <c r="C29" s="13">
        <v>12313</v>
      </c>
      <c r="D29" s="13">
        <v>12794</v>
      </c>
      <c r="E29" s="14">
        <f t="shared" si="2"/>
        <v>481</v>
      </c>
      <c r="F29" s="39"/>
      <c r="G29" s="40"/>
    </row>
    <row r="30" spans="1:7" s="58" customFormat="1" ht="15" customHeight="1">
      <c r="A30" s="34" t="s">
        <v>28</v>
      </c>
      <c r="B30" s="32" t="s">
        <v>23</v>
      </c>
      <c r="C30" s="12">
        <v>780</v>
      </c>
      <c r="D30" s="12">
        <v>3604</v>
      </c>
      <c r="E30" s="10">
        <f t="shared" si="2"/>
        <v>2824</v>
      </c>
      <c r="F30" s="24"/>
      <c r="G30" s="25"/>
    </row>
    <row r="31" spans="1:7" s="58" customFormat="1" ht="15" customHeight="1">
      <c r="A31" s="35"/>
      <c r="B31" s="33"/>
      <c r="C31" s="13">
        <v>780</v>
      </c>
      <c r="D31" s="13">
        <v>3604</v>
      </c>
      <c r="E31" s="14">
        <f t="shared" si="2"/>
        <v>2824</v>
      </c>
      <c r="F31" s="39"/>
      <c r="G31" s="40"/>
    </row>
    <row r="32" spans="1:7" ht="15" customHeight="1">
      <c r="A32" s="34" t="s">
        <v>50</v>
      </c>
      <c r="B32" s="32" t="s">
        <v>51</v>
      </c>
      <c r="C32" s="10">
        <v>846</v>
      </c>
      <c r="D32" s="10">
        <v>844</v>
      </c>
      <c r="E32" s="10">
        <f t="shared" si="2"/>
        <v>-2</v>
      </c>
      <c r="F32" s="24"/>
      <c r="G32" s="25"/>
    </row>
    <row r="33" spans="1:7" ht="15" customHeight="1">
      <c r="A33" s="35"/>
      <c r="B33" s="33"/>
      <c r="C33" s="13">
        <v>423</v>
      </c>
      <c r="D33" s="13">
        <v>422</v>
      </c>
      <c r="E33" s="14">
        <f t="shared" si="2"/>
        <v>-1</v>
      </c>
      <c r="F33" s="39"/>
      <c r="G33" s="40"/>
    </row>
    <row r="34" spans="1:7" ht="15" customHeight="1">
      <c r="A34" s="34" t="s">
        <v>59</v>
      </c>
      <c r="B34" s="32" t="s">
        <v>51</v>
      </c>
      <c r="C34" s="10">
        <v>1903</v>
      </c>
      <c r="D34" s="10">
        <v>1898</v>
      </c>
      <c r="E34" s="10">
        <f t="shared" ref="E34:E35" si="3">+D34-C34</f>
        <v>-5</v>
      </c>
      <c r="F34" s="24"/>
      <c r="G34" s="25"/>
    </row>
    <row r="35" spans="1:7" ht="15" customHeight="1">
      <c r="A35" s="35"/>
      <c r="B35" s="33"/>
      <c r="C35" s="13">
        <v>1903</v>
      </c>
      <c r="D35" s="13">
        <v>1898</v>
      </c>
      <c r="E35" s="14">
        <f t="shared" si="3"/>
        <v>-5</v>
      </c>
      <c r="F35" s="39"/>
      <c r="G35" s="40"/>
    </row>
    <row r="36" spans="1:7" ht="22.5" customHeight="1">
      <c r="A36" s="34" t="s">
        <v>42</v>
      </c>
      <c r="B36" s="32" t="s">
        <v>51</v>
      </c>
      <c r="C36" s="12">
        <v>10403</v>
      </c>
      <c r="D36" s="12">
        <v>10295</v>
      </c>
      <c r="E36" s="10">
        <f t="shared" si="2"/>
        <v>-108</v>
      </c>
      <c r="F36" s="24"/>
      <c r="G36" s="25"/>
    </row>
    <row r="37" spans="1:7" ht="22.5" customHeight="1">
      <c r="A37" s="35"/>
      <c r="B37" s="33"/>
      <c r="C37" s="13">
        <v>5257</v>
      </c>
      <c r="D37" s="13">
        <v>5202</v>
      </c>
      <c r="E37" s="14">
        <f t="shared" si="2"/>
        <v>-55</v>
      </c>
      <c r="F37" s="39"/>
      <c r="G37" s="40"/>
    </row>
    <row r="38" spans="1:7" ht="15" customHeight="1">
      <c r="A38" s="34" t="s">
        <v>49</v>
      </c>
      <c r="B38" s="32" t="s">
        <v>51</v>
      </c>
      <c r="C38" s="10">
        <v>24296</v>
      </c>
      <c r="D38" s="10">
        <v>25152</v>
      </c>
      <c r="E38" s="10">
        <f t="shared" ref="E38:E39" si="4">+D38-C38</f>
        <v>856</v>
      </c>
      <c r="F38" s="24"/>
      <c r="G38" s="25"/>
    </row>
    <row r="39" spans="1:7" ht="15" customHeight="1">
      <c r="A39" s="35"/>
      <c r="B39" s="33"/>
      <c r="C39" s="13">
        <v>12567</v>
      </c>
      <c r="D39" s="13">
        <v>12577</v>
      </c>
      <c r="E39" s="14">
        <f t="shared" si="4"/>
        <v>10</v>
      </c>
      <c r="F39" s="39"/>
      <c r="G39" s="40"/>
    </row>
    <row r="40" spans="1:7" ht="15" customHeight="1">
      <c r="A40" s="34" t="s">
        <v>53</v>
      </c>
      <c r="B40" s="32" t="s">
        <v>51</v>
      </c>
      <c r="C40" s="12">
        <v>11391</v>
      </c>
      <c r="D40" s="12">
        <v>726</v>
      </c>
      <c r="E40" s="10">
        <f t="shared" si="2"/>
        <v>-10665</v>
      </c>
      <c r="F40" s="24"/>
      <c r="G40" s="25"/>
    </row>
    <row r="41" spans="1:7" ht="15" customHeight="1">
      <c r="A41" s="35"/>
      <c r="B41" s="33"/>
      <c r="C41" s="13">
        <v>11391</v>
      </c>
      <c r="D41" s="13">
        <v>726</v>
      </c>
      <c r="E41" s="14">
        <f t="shared" si="2"/>
        <v>-10665</v>
      </c>
      <c r="F41" s="39"/>
      <c r="G41" s="40"/>
    </row>
    <row r="42" spans="1:7" ht="15" customHeight="1">
      <c r="A42" s="34" t="s">
        <v>2</v>
      </c>
      <c r="B42" s="32" t="s">
        <v>51</v>
      </c>
      <c r="C42" s="15">
        <v>404</v>
      </c>
      <c r="D42" s="15">
        <v>404</v>
      </c>
      <c r="E42" s="10">
        <f t="shared" si="2"/>
        <v>0</v>
      </c>
      <c r="F42" s="24"/>
      <c r="G42" s="25"/>
    </row>
    <row r="43" spans="1:7" ht="15" customHeight="1">
      <c r="A43" s="35"/>
      <c r="B43" s="33"/>
      <c r="C43" s="17">
        <v>404</v>
      </c>
      <c r="D43" s="17">
        <v>404</v>
      </c>
      <c r="E43" s="14">
        <f t="shared" si="2"/>
        <v>0</v>
      </c>
      <c r="F43" s="39"/>
      <c r="G43" s="40"/>
    </row>
    <row r="44" spans="1:7" ht="15" customHeight="1">
      <c r="A44" s="34" t="s">
        <v>29</v>
      </c>
      <c r="B44" s="32" t="s">
        <v>23</v>
      </c>
      <c r="C44" s="12">
        <v>2000</v>
      </c>
      <c r="D44" s="12">
        <v>2000</v>
      </c>
      <c r="E44" s="10">
        <f t="shared" si="2"/>
        <v>0</v>
      </c>
      <c r="F44" s="24"/>
      <c r="G44" s="25"/>
    </row>
    <row r="45" spans="1:7" ht="15" customHeight="1">
      <c r="A45" s="35"/>
      <c r="B45" s="33"/>
      <c r="C45" s="13">
        <v>2000</v>
      </c>
      <c r="D45" s="13">
        <v>2000</v>
      </c>
      <c r="E45" s="14">
        <f t="shared" si="2"/>
        <v>0</v>
      </c>
      <c r="F45" s="39"/>
      <c r="G45" s="40"/>
    </row>
    <row r="46" spans="1:7" ht="15" customHeight="1">
      <c r="A46" s="34" t="s">
        <v>36</v>
      </c>
      <c r="B46" s="32" t="s">
        <v>51</v>
      </c>
      <c r="C46" s="12">
        <v>4313</v>
      </c>
      <c r="D46" s="12">
        <v>4104</v>
      </c>
      <c r="E46" s="10">
        <f t="shared" si="2"/>
        <v>-209</v>
      </c>
      <c r="F46" s="24"/>
      <c r="G46" s="25"/>
    </row>
    <row r="47" spans="1:7" ht="15" customHeight="1">
      <c r="A47" s="35"/>
      <c r="B47" s="33"/>
      <c r="C47" s="13">
        <v>4313</v>
      </c>
      <c r="D47" s="13">
        <v>4104</v>
      </c>
      <c r="E47" s="14">
        <f t="shared" si="2"/>
        <v>-209</v>
      </c>
      <c r="F47" s="39"/>
      <c r="G47" s="40"/>
    </row>
    <row r="48" spans="1:7" s="58" customFormat="1" ht="15" customHeight="1">
      <c r="A48" s="34" t="s">
        <v>48</v>
      </c>
      <c r="B48" s="32" t="s">
        <v>54</v>
      </c>
      <c r="C48" s="15">
        <v>17977</v>
      </c>
      <c r="D48" s="15">
        <v>10777</v>
      </c>
      <c r="E48" s="10">
        <f t="shared" ref="E48:E49" si="5">+D48-C48</f>
        <v>-7200</v>
      </c>
      <c r="F48" s="24"/>
      <c r="G48" s="25"/>
    </row>
    <row r="49" spans="1:7" s="58" customFormat="1" ht="15" customHeight="1">
      <c r="A49" s="35"/>
      <c r="B49" s="33"/>
      <c r="C49" s="13">
        <v>17977</v>
      </c>
      <c r="D49" s="13">
        <v>10777</v>
      </c>
      <c r="E49" s="14">
        <f t="shared" si="5"/>
        <v>-7200</v>
      </c>
      <c r="F49" s="39"/>
      <c r="G49" s="40"/>
    </row>
    <row r="50" spans="1:7" s="58" customFormat="1" ht="15" customHeight="1">
      <c r="A50" s="34" t="s">
        <v>58</v>
      </c>
      <c r="B50" s="32" t="s">
        <v>30</v>
      </c>
      <c r="C50" s="15">
        <v>8990</v>
      </c>
      <c r="D50" s="15">
        <v>10152</v>
      </c>
      <c r="E50" s="10">
        <f t="shared" ref="E50:E51" si="6">+D50-C50</f>
        <v>1162</v>
      </c>
      <c r="F50" s="24"/>
      <c r="G50" s="25"/>
    </row>
    <row r="51" spans="1:7" s="58" customFormat="1" ht="15" customHeight="1">
      <c r="A51" s="35"/>
      <c r="B51" s="33"/>
      <c r="C51" s="13">
        <v>8990</v>
      </c>
      <c r="D51" s="13">
        <v>10152</v>
      </c>
      <c r="E51" s="14">
        <f t="shared" si="6"/>
        <v>1162</v>
      </c>
      <c r="F51" s="39"/>
      <c r="G51" s="40"/>
    </row>
    <row r="52" spans="1:7" ht="15" customHeight="1">
      <c r="A52" s="34" t="s">
        <v>43</v>
      </c>
      <c r="B52" s="32" t="s">
        <v>30</v>
      </c>
      <c r="C52" s="12">
        <v>3160</v>
      </c>
      <c r="D52" s="12">
        <v>2310</v>
      </c>
      <c r="E52" s="10">
        <f t="shared" si="2"/>
        <v>-850</v>
      </c>
      <c r="F52" s="24"/>
      <c r="G52" s="25"/>
    </row>
    <row r="53" spans="1:7" ht="15" customHeight="1">
      <c r="A53" s="35"/>
      <c r="B53" s="33"/>
      <c r="C53" s="13">
        <v>3160</v>
      </c>
      <c r="D53" s="13">
        <v>2310</v>
      </c>
      <c r="E53" s="14">
        <f t="shared" si="2"/>
        <v>-850</v>
      </c>
      <c r="F53" s="39"/>
      <c r="G53" s="40"/>
    </row>
    <row r="54" spans="1:7" ht="15" customHeight="1">
      <c r="A54" s="34" t="s">
        <v>3</v>
      </c>
      <c r="B54" s="32" t="s">
        <v>31</v>
      </c>
      <c r="C54" s="12">
        <v>2075</v>
      </c>
      <c r="D54" s="12">
        <v>2075</v>
      </c>
      <c r="E54" s="10">
        <f t="shared" si="2"/>
        <v>0</v>
      </c>
      <c r="F54" s="24"/>
      <c r="G54" s="25"/>
    </row>
    <row r="55" spans="1:7" ht="15" customHeight="1">
      <c r="A55" s="35"/>
      <c r="B55" s="33"/>
      <c r="C55" s="13">
        <v>2075</v>
      </c>
      <c r="D55" s="13">
        <v>2075</v>
      </c>
      <c r="E55" s="14">
        <f t="shared" si="2"/>
        <v>0</v>
      </c>
      <c r="F55" s="39"/>
      <c r="G55" s="40"/>
    </row>
    <row r="56" spans="1:7" ht="15" customHeight="1">
      <c r="A56" s="34" t="s">
        <v>4</v>
      </c>
      <c r="B56" s="32" t="s">
        <v>23</v>
      </c>
      <c r="C56" s="12">
        <v>1674</v>
      </c>
      <c r="D56" s="12">
        <v>1674</v>
      </c>
      <c r="E56" s="10">
        <f t="shared" si="2"/>
        <v>0</v>
      </c>
      <c r="F56" s="24"/>
      <c r="G56" s="25"/>
    </row>
    <row r="57" spans="1:7" ht="15" customHeight="1">
      <c r="A57" s="35"/>
      <c r="B57" s="33"/>
      <c r="C57" s="13">
        <v>1674</v>
      </c>
      <c r="D57" s="13">
        <v>1674</v>
      </c>
      <c r="E57" s="14">
        <f t="shared" si="2"/>
        <v>0</v>
      </c>
      <c r="F57" s="39"/>
      <c r="G57" s="40"/>
    </row>
    <row r="58" spans="1:7" ht="15" customHeight="1">
      <c r="A58" s="34" t="s">
        <v>32</v>
      </c>
      <c r="B58" s="32" t="s">
        <v>30</v>
      </c>
      <c r="C58" s="12">
        <v>238</v>
      </c>
      <c r="D58" s="12">
        <v>238</v>
      </c>
      <c r="E58" s="10">
        <f t="shared" si="2"/>
        <v>0</v>
      </c>
      <c r="F58" s="24"/>
      <c r="G58" s="25"/>
    </row>
    <row r="59" spans="1:7" ht="15" customHeight="1">
      <c r="A59" s="35"/>
      <c r="B59" s="33"/>
      <c r="C59" s="13">
        <v>238</v>
      </c>
      <c r="D59" s="13">
        <v>238</v>
      </c>
      <c r="E59" s="14">
        <f t="shared" si="2"/>
        <v>0</v>
      </c>
      <c r="F59" s="39"/>
      <c r="G59" s="40"/>
    </row>
    <row r="60" spans="1:7" ht="15" customHeight="1">
      <c r="A60" s="34" t="s">
        <v>33</v>
      </c>
      <c r="B60" s="32" t="s">
        <v>30</v>
      </c>
      <c r="C60" s="12">
        <v>1030</v>
      </c>
      <c r="D60" s="12">
        <v>1030</v>
      </c>
      <c r="E60" s="10">
        <f t="shared" si="2"/>
        <v>0</v>
      </c>
      <c r="F60" s="24"/>
      <c r="G60" s="25"/>
    </row>
    <row r="61" spans="1:7" ht="15" customHeight="1">
      <c r="A61" s="35"/>
      <c r="B61" s="33"/>
      <c r="C61" s="13">
        <v>1030</v>
      </c>
      <c r="D61" s="13">
        <v>1030</v>
      </c>
      <c r="E61" s="14">
        <f t="shared" si="2"/>
        <v>0</v>
      </c>
      <c r="F61" s="39"/>
      <c r="G61" s="40"/>
    </row>
    <row r="62" spans="1:7" ht="15" customHeight="1">
      <c r="A62" s="34" t="s">
        <v>34</v>
      </c>
      <c r="B62" s="32" t="s">
        <v>30</v>
      </c>
      <c r="C62" s="12">
        <v>12295</v>
      </c>
      <c r="D62" s="12">
        <v>12466</v>
      </c>
      <c r="E62" s="10">
        <f t="shared" si="2"/>
        <v>171</v>
      </c>
      <c r="F62" s="24"/>
      <c r="G62" s="25"/>
    </row>
    <row r="63" spans="1:7" ht="15" customHeight="1">
      <c r="A63" s="35"/>
      <c r="B63" s="33"/>
      <c r="C63" s="13">
        <v>12295</v>
      </c>
      <c r="D63" s="13">
        <v>12466</v>
      </c>
      <c r="E63" s="14">
        <f t="shared" si="2"/>
        <v>171</v>
      </c>
      <c r="F63" s="39"/>
      <c r="G63" s="40"/>
    </row>
    <row r="64" spans="1:7" ht="15" customHeight="1">
      <c r="A64" s="34" t="s">
        <v>10</v>
      </c>
      <c r="B64" s="32" t="s">
        <v>30</v>
      </c>
      <c r="C64" s="12">
        <v>18062</v>
      </c>
      <c r="D64" s="12">
        <v>13903</v>
      </c>
      <c r="E64" s="10">
        <f t="shared" si="2"/>
        <v>-4159</v>
      </c>
      <c r="F64" s="24"/>
      <c r="G64" s="25"/>
    </row>
    <row r="65" spans="1:7" ht="15" customHeight="1">
      <c r="A65" s="35"/>
      <c r="B65" s="33"/>
      <c r="C65" s="13">
        <v>14434</v>
      </c>
      <c r="D65" s="13">
        <v>13903</v>
      </c>
      <c r="E65" s="14">
        <f t="shared" si="2"/>
        <v>-531</v>
      </c>
      <c r="F65" s="39"/>
      <c r="G65" s="40"/>
    </row>
    <row r="66" spans="1:7" ht="15" customHeight="1">
      <c r="A66" s="34" t="s">
        <v>64</v>
      </c>
      <c r="B66" s="32" t="s">
        <v>30</v>
      </c>
      <c r="C66" s="12">
        <v>0</v>
      </c>
      <c r="D66" s="12">
        <v>18107</v>
      </c>
      <c r="E66" s="10">
        <f t="shared" ref="E66:E67" si="7">+D66-C66</f>
        <v>18107</v>
      </c>
      <c r="F66" s="24"/>
      <c r="G66" s="25"/>
    </row>
    <row r="67" spans="1:7" ht="15" customHeight="1">
      <c r="A67" s="35"/>
      <c r="B67" s="33"/>
      <c r="C67" s="13">
        <v>0</v>
      </c>
      <c r="D67" s="13">
        <v>13245</v>
      </c>
      <c r="E67" s="14">
        <f t="shared" si="7"/>
        <v>13245</v>
      </c>
      <c r="F67" s="39"/>
      <c r="G67" s="40"/>
    </row>
    <row r="68" spans="1:7" ht="15" customHeight="1">
      <c r="A68" s="34" t="s">
        <v>27</v>
      </c>
      <c r="B68" s="32" t="s">
        <v>23</v>
      </c>
      <c r="C68" s="12">
        <v>5952</v>
      </c>
      <c r="D68" s="12">
        <v>4012</v>
      </c>
      <c r="E68" s="10">
        <f t="shared" si="2"/>
        <v>-1940</v>
      </c>
      <c r="F68" s="24"/>
      <c r="G68" s="25"/>
    </row>
    <row r="69" spans="1:7" ht="15" customHeight="1">
      <c r="A69" s="35"/>
      <c r="B69" s="33"/>
      <c r="C69" s="13">
        <v>5952</v>
      </c>
      <c r="D69" s="13">
        <v>4012</v>
      </c>
      <c r="E69" s="14">
        <f t="shared" si="2"/>
        <v>-1940</v>
      </c>
      <c r="F69" s="39"/>
      <c r="G69" s="40"/>
    </row>
    <row r="70" spans="1:7" s="58" customFormat="1" ht="15" customHeight="1">
      <c r="A70" s="34" t="s">
        <v>5</v>
      </c>
      <c r="B70" s="32" t="s">
        <v>23</v>
      </c>
      <c r="C70" s="15">
        <v>2545</v>
      </c>
      <c r="D70" s="15">
        <v>6000</v>
      </c>
      <c r="E70" s="10">
        <f t="shared" ref="E70:E81" si="8">+D70-C70</f>
        <v>3455</v>
      </c>
      <c r="F70" s="24"/>
      <c r="G70" s="25"/>
    </row>
    <row r="71" spans="1:7" s="58" customFormat="1" ht="15" customHeight="1">
      <c r="A71" s="35"/>
      <c r="B71" s="33"/>
      <c r="C71" s="13">
        <v>2545</v>
      </c>
      <c r="D71" s="13">
        <v>6000</v>
      </c>
      <c r="E71" s="14">
        <f t="shared" si="8"/>
        <v>3455</v>
      </c>
      <c r="F71" s="39"/>
      <c r="G71" s="40"/>
    </row>
    <row r="72" spans="1:7" ht="15" customHeight="1">
      <c r="A72" s="34" t="s">
        <v>40</v>
      </c>
      <c r="B72" s="32" t="s">
        <v>23</v>
      </c>
      <c r="C72" s="12">
        <v>4561</v>
      </c>
      <c r="D72" s="12">
        <v>4380</v>
      </c>
      <c r="E72" s="10">
        <f>+D72-C72</f>
        <v>-181</v>
      </c>
      <c r="F72" s="24"/>
      <c r="G72" s="25"/>
    </row>
    <row r="73" spans="1:7" ht="15" customHeight="1">
      <c r="A73" s="35"/>
      <c r="B73" s="33"/>
      <c r="C73" s="13">
        <v>4376</v>
      </c>
      <c r="D73" s="13">
        <v>4195</v>
      </c>
      <c r="E73" s="14">
        <f>+D73-C73</f>
        <v>-181</v>
      </c>
      <c r="F73" s="39"/>
      <c r="G73" s="40"/>
    </row>
    <row r="74" spans="1:7" s="58" customFormat="1" ht="15" customHeight="1">
      <c r="A74" s="34" t="s">
        <v>38</v>
      </c>
      <c r="B74" s="32" t="s">
        <v>39</v>
      </c>
      <c r="C74" s="12">
        <v>414</v>
      </c>
      <c r="D74" s="12">
        <v>814</v>
      </c>
      <c r="E74" s="12">
        <f t="shared" si="8"/>
        <v>400</v>
      </c>
      <c r="F74" s="24"/>
      <c r="G74" s="25"/>
    </row>
    <row r="75" spans="1:7" s="58" customFormat="1" ht="15" customHeight="1">
      <c r="A75" s="35"/>
      <c r="B75" s="33"/>
      <c r="C75" s="13">
        <v>414</v>
      </c>
      <c r="D75" s="13">
        <v>814</v>
      </c>
      <c r="E75" s="14">
        <f t="shared" si="8"/>
        <v>400</v>
      </c>
      <c r="F75" s="39"/>
      <c r="G75" s="40"/>
    </row>
    <row r="76" spans="1:7" ht="15" customHeight="1">
      <c r="A76" s="34" t="s">
        <v>26</v>
      </c>
      <c r="B76" s="32" t="s">
        <v>51</v>
      </c>
      <c r="C76" s="12">
        <v>110997</v>
      </c>
      <c r="D76" s="12">
        <v>104344</v>
      </c>
      <c r="E76" s="10">
        <f t="shared" si="8"/>
        <v>-6653</v>
      </c>
      <c r="F76" s="24"/>
      <c r="G76" s="25"/>
    </row>
    <row r="77" spans="1:7" ht="15" customHeight="1">
      <c r="A77" s="35"/>
      <c r="B77" s="33"/>
      <c r="C77" s="13">
        <v>110997</v>
      </c>
      <c r="D77" s="13">
        <v>104344</v>
      </c>
      <c r="E77" s="14">
        <f t="shared" si="8"/>
        <v>-6653</v>
      </c>
      <c r="F77" s="39"/>
      <c r="G77" s="40"/>
    </row>
    <row r="78" spans="1:7" ht="15" customHeight="1">
      <c r="A78" s="34" t="s">
        <v>44</v>
      </c>
      <c r="B78" s="32" t="s">
        <v>23</v>
      </c>
      <c r="C78" s="12">
        <v>1953</v>
      </c>
      <c r="D78" s="12">
        <v>1453</v>
      </c>
      <c r="E78" s="10">
        <f t="shared" si="8"/>
        <v>-500</v>
      </c>
      <c r="F78" s="24"/>
      <c r="G78" s="25"/>
    </row>
    <row r="79" spans="1:7" ht="15" customHeight="1">
      <c r="A79" s="35"/>
      <c r="B79" s="33"/>
      <c r="C79" s="13">
        <v>1953</v>
      </c>
      <c r="D79" s="13">
        <v>1453</v>
      </c>
      <c r="E79" s="14">
        <f t="shared" si="8"/>
        <v>-500</v>
      </c>
      <c r="F79" s="39"/>
      <c r="G79" s="40"/>
    </row>
    <row r="80" spans="1:7" ht="15" customHeight="1">
      <c r="A80" s="34" t="s">
        <v>8</v>
      </c>
      <c r="B80" s="32" t="s">
        <v>51</v>
      </c>
      <c r="C80" s="12">
        <v>54945</v>
      </c>
      <c r="D80" s="12">
        <v>54677</v>
      </c>
      <c r="E80" s="10">
        <f t="shared" si="8"/>
        <v>-268</v>
      </c>
      <c r="F80" s="24"/>
      <c r="G80" s="25"/>
    </row>
    <row r="81" spans="1:7" ht="15" customHeight="1">
      <c r="A81" s="35"/>
      <c r="B81" s="33"/>
      <c r="C81" s="13">
        <v>1900</v>
      </c>
      <c r="D81" s="13">
        <v>2229</v>
      </c>
      <c r="E81" s="14">
        <f t="shared" si="8"/>
        <v>329</v>
      </c>
      <c r="F81" s="39"/>
      <c r="G81" s="40"/>
    </row>
    <row r="82" spans="1:7" ht="15" customHeight="1">
      <c r="A82" s="34" t="s">
        <v>11</v>
      </c>
      <c r="B82" s="32" t="s">
        <v>52</v>
      </c>
      <c r="C82" s="12">
        <v>86165</v>
      </c>
      <c r="D82" s="12">
        <v>86120</v>
      </c>
      <c r="E82" s="10">
        <f>+D82-C82</f>
        <v>-45</v>
      </c>
      <c r="F82" s="54"/>
      <c r="G82" s="55"/>
    </row>
    <row r="83" spans="1:7" ht="15" customHeight="1">
      <c r="A83" s="35"/>
      <c r="B83" s="33"/>
      <c r="C83" s="13">
        <v>82599</v>
      </c>
      <c r="D83" s="13">
        <v>82528</v>
      </c>
      <c r="E83" s="14">
        <f>+D83-C83</f>
        <v>-71</v>
      </c>
      <c r="F83" s="56"/>
      <c r="G83" s="57"/>
    </row>
    <row r="84" spans="1:7" s="58" customFormat="1" ht="15" customHeight="1">
      <c r="A84" s="34" t="s">
        <v>63</v>
      </c>
      <c r="B84" s="32" t="s">
        <v>23</v>
      </c>
      <c r="C84" s="12">
        <v>35290</v>
      </c>
      <c r="D84" s="12">
        <v>35731</v>
      </c>
      <c r="E84" s="10">
        <f t="shared" ref="E84:E85" si="9">+D84-C84</f>
        <v>441</v>
      </c>
      <c r="F84" s="54"/>
      <c r="G84" s="55"/>
    </row>
    <row r="85" spans="1:7" s="58" customFormat="1" ht="15" customHeight="1">
      <c r="A85" s="35"/>
      <c r="B85" s="33"/>
      <c r="C85" s="13">
        <v>35290</v>
      </c>
      <c r="D85" s="13">
        <v>35731</v>
      </c>
      <c r="E85" s="14">
        <f t="shared" si="9"/>
        <v>441</v>
      </c>
      <c r="F85" s="56"/>
      <c r="G85" s="57"/>
    </row>
    <row r="86" spans="1:7" ht="15" customHeight="1">
      <c r="A86" s="34" t="s">
        <v>35</v>
      </c>
      <c r="B86" s="52" t="s">
        <v>46</v>
      </c>
      <c r="C86" s="12">
        <v>118296</v>
      </c>
      <c r="D86" s="12">
        <v>130476</v>
      </c>
      <c r="E86" s="10">
        <f>+D86-C86</f>
        <v>12180</v>
      </c>
      <c r="F86" s="24" t="s">
        <v>24</v>
      </c>
      <c r="G86" s="25"/>
    </row>
    <row r="87" spans="1:7" ht="15" customHeight="1">
      <c r="A87" s="35"/>
      <c r="B87" s="53"/>
      <c r="C87" s="13">
        <v>118291</v>
      </c>
      <c r="D87" s="13">
        <v>130471</v>
      </c>
      <c r="E87" s="14">
        <f>+D87-C87</f>
        <v>12180</v>
      </c>
      <c r="F87" s="39"/>
      <c r="G87" s="40"/>
    </row>
    <row r="88" spans="1:7" s="58" customFormat="1" ht="15" customHeight="1">
      <c r="A88" s="36" t="s">
        <v>56</v>
      </c>
      <c r="B88" s="38" t="s">
        <v>30</v>
      </c>
      <c r="C88" s="15">
        <v>39063</v>
      </c>
      <c r="D88" s="15">
        <v>0</v>
      </c>
      <c r="E88" s="10">
        <f>+D88-C88</f>
        <v>-39063</v>
      </c>
      <c r="F88" s="24"/>
      <c r="G88" s="25"/>
    </row>
    <row r="89" spans="1:7" s="58" customFormat="1" ht="15" customHeight="1">
      <c r="A89" s="37"/>
      <c r="B89" s="33"/>
      <c r="C89" s="21">
        <v>34966</v>
      </c>
      <c r="D89" s="22">
        <v>0</v>
      </c>
      <c r="E89" s="14">
        <f>+D89-C89</f>
        <v>-34966</v>
      </c>
      <c r="F89" s="39"/>
      <c r="G89" s="40"/>
    </row>
    <row r="90" spans="1:7" ht="15" customHeight="1">
      <c r="A90" s="28" t="s">
        <v>45</v>
      </c>
      <c r="B90" s="29"/>
      <c r="C90" s="18">
        <v>772365</v>
      </c>
      <c r="D90" s="18">
        <v>725018</v>
      </c>
      <c r="E90" s="20">
        <v>-47347</v>
      </c>
      <c r="F90" s="24" t="s">
        <v>24</v>
      </c>
      <c r="G90" s="25"/>
    </row>
    <row r="91" spans="1:7" ht="15" customHeight="1" thickBot="1">
      <c r="A91" s="30"/>
      <c r="B91" s="31"/>
      <c r="C91" s="19">
        <v>661989</v>
      </c>
      <c r="D91" s="19">
        <v>618972</v>
      </c>
      <c r="E91" s="11">
        <v>-43017</v>
      </c>
      <c r="F91" s="26"/>
      <c r="G91" s="27"/>
    </row>
  </sheetData>
  <mergeCells count="130">
    <mergeCell ref="A34:A35"/>
    <mergeCell ref="B34:B35"/>
    <mergeCell ref="A24:A25"/>
    <mergeCell ref="B24:B25"/>
    <mergeCell ref="A28:A29"/>
    <mergeCell ref="B28:B29"/>
    <mergeCell ref="B30:B31"/>
    <mergeCell ref="A32:A33"/>
    <mergeCell ref="B32:B33"/>
    <mergeCell ref="A30:A31"/>
    <mergeCell ref="A14:A15"/>
    <mergeCell ref="B14:B15"/>
    <mergeCell ref="A16:A17"/>
    <mergeCell ref="B16:B17"/>
    <mergeCell ref="A20:A21"/>
    <mergeCell ref="B20:B21"/>
    <mergeCell ref="B18:B19"/>
    <mergeCell ref="A26:A27"/>
    <mergeCell ref="B26:B27"/>
    <mergeCell ref="A22:A23"/>
    <mergeCell ref="B22:B23"/>
    <mergeCell ref="A18:A19"/>
    <mergeCell ref="F76:G77"/>
    <mergeCell ref="F78:G79"/>
    <mergeCell ref="F88:G89"/>
    <mergeCell ref="A80:A81"/>
    <mergeCell ref="B80:B81"/>
    <mergeCell ref="F74:G75"/>
    <mergeCell ref="A74:A75"/>
    <mergeCell ref="B74:B75"/>
    <mergeCell ref="F70:G71"/>
    <mergeCell ref="A70:A71"/>
    <mergeCell ref="A86:A87"/>
    <mergeCell ref="B86:B87"/>
    <mergeCell ref="A82:A83"/>
    <mergeCell ref="B82:B83"/>
    <mergeCell ref="A84:A85"/>
    <mergeCell ref="B84:B85"/>
    <mergeCell ref="F84:G85"/>
    <mergeCell ref="F86:G87"/>
    <mergeCell ref="F80:G81"/>
    <mergeCell ref="F82:G83"/>
    <mergeCell ref="F72:G73"/>
    <mergeCell ref="A64:A65"/>
    <mergeCell ref="B64:B65"/>
    <mergeCell ref="A60:A61"/>
    <mergeCell ref="A62:A63"/>
    <mergeCell ref="A38:A39"/>
    <mergeCell ref="B38:B39"/>
    <mergeCell ref="B46:B47"/>
    <mergeCell ref="A78:A79"/>
    <mergeCell ref="B78:B79"/>
    <mergeCell ref="A50:A51"/>
    <mergeCell ref="B50:B51"/>
    <mergeCell ref="A46:A47"/>
    <mergeCell ref="A40:A41"/>
    <mergeCell ref="B40:B41"/>
    <mergeCell ref="A44:A45"/>
    <mergeCell ref="A66:A67"/>
    <mergeCell ref="A48:A49"/>
    <mergeCell ref="F56:G57"/>
    <mergeCell ref="F58:G59"/>
    <mergeCell ref="F60:G61"/>
    <mergeCell ref="F62:G63"/>
    <mergeCell ref="F64:G65"/>
    <mergeCell ref="B66:B67"/>
    <mergeCell ref="F66:G67"/>
    <mergeCell ref="B68:B69"/>
    <mergeCell ref="B70:B71"/>
    <mergeCell ref="B56:B57"/>
    <mergeCell ref="F68:G69"/>
    <mergeCell ref="F14:G15"/>
    <mergeCell ref="F50:G51"/>
    <mergeCell ref="B48:B49"/>
    <mergeCell ref="F52:G53"/>
    <mergeCell ref="F16:G17"/>
    <mergeCell ref="F20:G21"/>
    <mergeCell ref="F22:G23"/>
    <mergeCell ref="F18:G19"/>
    <mergeCell ref="F44:G45"/>
    <mergeCell ref="F24:G25"/>
    <mergeCell ref="F48:G49"/>
    <mergeCell ref="F26:G27"/>
    <mergeCell ref="F28:G29"/>
    <mergeCell ref="F30:G31"/>
    <mergeCell ref="F32:G33"/>
    <mergeCell ref="F36:G37"/>
    <mergeCell ref="F38:G39"/>
    <mergeCell ref="F46:G47"/>
    <mergeCell ref="F42:G43"/>
    <mergeCell ref="F40:G41"/>
    <mergeCell ref="F34:G35"/>
    <mergeCell ref="F1:G1"/>
    <mergeCell ref="B5:D5"/>
    <mergeCell ref="A6:A7"/>
    <mergeCell ref="B6:B7"/>
    <mergeCell ref="F6:G7"/>
    <mergeCell ref="A12:A13"/>
    <mergeCell ref="B12:B13"/>
    <mergeCell ref="A10:A11"/>
    <mergeCell ref="B10:B11"/>
    <mergeCell ref="A8:A9"/>
    <mergeCell ref="B8:B9"/>
    <mergeCell ref="F8:G9"/>
    <mergeCell ref="F10:G11"/>
    <mergeCell ref="F12:G13"/>
    <mergeCell ref="F90:G91"/>
    <mergeCell ref="A90:B91"/>
    <mergeCell ref="B60:B61"/>
    <mergeCell ref="B36:B37"/>
    <mergeCell ref="B44:B45"/>
    <mergeCell ref="A42:A43"/>
    <mergeCell ref="B42:B43"/>
    <mergeCell ref="B58:B59"/>
    <mergeCell ref="A52:A53"/>
    <mergeCell ref="B52:B53"/>
    <mergeCell ref="A56:A57"/>
    <mergeCell ref="A72:A73"/>
    <mergeCell ref="B72:B73"/>
    <mergeCell ref="A76:A77"/>
    <mergeCell ref="A68:A69"/>
    <mergeCell ref="B62:B63"/>
    <mergeCell ref="A58:A59"/>
    <mergeCell ref="A54:A55"/>
    <mergeCell ref="B54:B55"/>
    <mergeCell ref="A88:A89"/>
    <mergeCell ref="B88:B89"/>
    <mergeCell ref="B76:B77"/>
    <mergeCell ref="A36:A37"/>
    <mergeCell ref="F54:G55"/>
  </mergeCells>
  <phoneticPr fontId="5"/>
  <hyperlinks>
    <hyperlink ref="A8:A9" r:id="rId1" display="こども食堂支援事業"/>
    <hyperlink ref="A10:A11" r:id="rId2" display="西成区こども生活・まなびサポート事業"/>
    <hyperlink ref="A12:A13" r:id="rId3" display="プレーパーク事業"/>
    <hyperlink ref="A14:A15" r:id="rId4" display="基礎学力向上支援事業"/>
    <hyperlink ref="A16:A17" r:id="rId5" display="西成区基礎学力アップ事業（西成まなび塾）"/>
    <hyperlink ref="A18:A19" r:id="rId6" display="障がいがある子どもや親の孤立防止支援事業"/>
    <hyperlink ref="A20:A21" r:id="rId7" display="DV対策・児童虐待防止子育て支援事業"/>
    <hyperlink ref="A22:A23" r:id="rId8" display="乳幼児発達相談体制強化事業"/>
    <hyperlink ref="A24:A25" r:id="rId9" display="青少年育成推進事業"/>
    <hyperlink ref="A26:A27" r:id="rId10" display="地域コミュニティ支援事業"/>
    <hyperlink ref="A28:A29" r:id="rId11" display="コミュニティ育成事業"/>
    <hyperlink ref="A30:A31" r:id="rId12" display="生涯学習関係事業"/>
    <hyperlink ref="A32:A33" r:id="rId13" display="西成区地域福祉推進事業"/>
    <hyperlink ref="A34:A35" r:id="rId14" display="西成つながり名簿整備支援事業"/>
    <hyperlink ref="A36:A37" r:id="rId15" display="西成区単身高齢生活保護受給者の社会的つながりづくり事業"/>
    <hyperlink ref="A38:A39" r:id="rId16" display="西成版サービスハブ構築・運営事業"/>
    <hyperlink ref="A40:A41" r:id="rId17" display="公共空間利用モデル構築事業"/>
    <hyperlink ref="A42:A43" r:id="rId18" display="健康づくり事業"/>
    <hyperlink ref="A44:A45" r:id="rId19" display="区における人権啓発推進事業"/>
    <hyperlink ref="A46:A47" r:id="rId20" display="薬物依存症者等サポート事業"/>
    <hyperlink ref="A48:A49" r:id="rId21" display="地域密着型エリアリノベーションビジネス促進事業"/>
    <hyperlink ref="A50:A51" r:id="rId22" display="新今宮エリアブランド向上事業"/>
    <hyperlink ref="A52:A53" r:id="rId23" display="西成区魅力発信事業"/>
    <hyperlink ref="A54:A55" r:id="rId24" display="西成情報アーカイブネット企画運営事業"/>
    <hyperlink ref="A56:A57" r:id="rId25" display="緑化推進事業"/>
    <hyperlink ref="A58:A59" r:id="rId26" display="区政会議運営事業"/>
    <hyperlink ref="A60:A61" r:id="rId27" display="区民モニター事業"/>
    <hyperlink ref="A62:A63" r:id="rId28" display="広聴・広報事業"/>
    <hyperlink ref="A64:A65" r:id="rId29" display="西成特区構想エリアマネジメント協議会運営事業"/>
    <hyperlink ref="A66:A67" r:id="rId30" display="あいりん総合センター跡地等活用事業"/>
    <hyperlink ref="A68:A69" r:id="rId31" display="地域防災活動事業"/>
    <hyperlink ref="A70:A71" r:id="rId32" display="防犯対策事業"/>
    <hyperlink ref="A72:A73" r:id="rId33" display="自転車等安全利用啓発事業"/>
    <hyperlink ref="A74:A75" r:id="rId34" display="空家等対策推進事業"/>
    <hyperlink ref="A76:A77" r:id="rId35" display="https://www.city.osaka.lg.jp/nishinari/cmsfiles/contents/0000521/521702/36.xlsx"/>
    <hyperlink ref="A78:A79" r:id="rId36" display="https://www.city.osaka.lg.jp/nishinari/cmsfiles/contents/0000521/521702/37.xlsx"/>
    <hyperlink ref="A80:A81" r:id="rId37" display="あいりん地域を中心とした結核対策事業"/>
    <hyperlink ref="A82:A83" r:id="rId38" display="区庁舎設備維持管理経費"/>
    <hyperlink ref="A86:A87" r:id="rId39" display="一般事務経費"/>
    <hyperlink ref="A84:A85" r:id="rId40" display="区役所附設会館管理経費"/>
  </hyperlinks>
  <pageMargins left="0.70866141732283472" right="0.70866141732283472" top="0.78740157480314965" bottom="0.59055118110236227" header="0.31496062992125984" footer="0.31496062992125984"/>
  <pageSetup paperSize="9" scale="71" fitToHeight="0" orientation="portrait" cellComments="asDisplayed" r:id="rId41"/>
  <rowBreaks count="1" manualBreakCount="1">
    <brk id="71" max="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4</vt:lpstr>
      <vt:lpstr>様式4!Print_Area</vt:lpstr>
      <vt:lpstr>様式4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12-18T01:44:48Z</cp:lastPrinted>
  <dcterms:created xsi:type="dcterms:W3CDTF">1997-01-08T22:48:59Z</dcterms:created>
  <dcterms:modified xsi:type="dcterms:W3CDTF">2020-12-21T08:25:42Z</dcterms:modified>
</cp:coreProperties>
</file>